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6年度（2024）\20240331現在の宗教法人数\"/>
    </mc:Choice>
  </mc:AlternateContent>
  <bookViews>
    <workbookView xWindow="0" yWindow="0" windowWidth="28800" windowHeight="11832"/>
  </bookViews>
  <sheets>
    <sheet name="市町村別PDF" sheetId="1" r:id="rId1"/>
  </sheets>
  <externalReferences>
    <externalReference r:id="rId2"/>
  </externalReferences>
  <definedNames>
    <definedName name="_xlnm.Print_Titles" localSheetId="0">市町村別PDF!$2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65" i="1" l="1"/>
  <c r="J65" i="1"/>
  <c r="I65" i="1"/>
  <c r="H65" i="1"/>
  <c r="G65" i="1"/>
  <c r="F65" i="1"/>
  <c r="E65" i="1"/>
  <c r="D65" i="1"/>
  <c r="C65" i="1"/>
  <c r="K64" i="1"/>
  <c r="J64" i="1"/>
  <c r="I64" i="1"/>
  <c r="H64" i="1"/>
  <c r="G64" i="1"/>
  <c r="F64" i="1"/>
  <c r="E64" i="1"/>
  <c r="D64" i="1"/>
  <c r="C64" i="1"/>
  <c r="K63" i="1"/>
  <c r="J63" i="1"/>
  <c r="I63" i="1"/>
  <c r="H63" i="1"/>
  <c r="G63" i="1"/>
  <c r="F63" i="1"/>
  <c r="E63" i="1"/>
  <c r="D63" i="1"/>
  <c r="C63" i="1"/>
  <c r="K62" i="1"/>
  <c r="J62" i="1"/>
  <c r="I62" i="1"/>
  <c r="H62" i="1"/>
  <c r="G62" i="1"/>
  <c r="F62" i="1"/>
  <c r="E62" i="1"/>
  <c r="D62" i="1"/>
  <c r="C62" i="1"/>
  <c r="K61" i="1"/>
  <c r="J61" i="1"/>
  <c r="I61" i="1"/>
  <c r="H61" i="1"/>
  <c r="G61" i="1"/>
  <c r="F61" i="1"/>
  <c r="E61" i="1"/>
  <c r="D61" i="1"/>
  <c r="C61" i="1"/>
  <c r="K60" i="1"/>
  <c r="J60" i="1"/>
  <c r="I60" i="1"/>
  <c r="H60" i="1"/>
  <c r="G60" i="1"/>
  <c r="F60" i="1"/>
  <c r="E60" i="1"/>
  <c r="D60" i="1"/>
  <c r="C60" i="1"/>
  <c r="K59" i="1"/>
  <c r="J59" i="1"/>
  <c r="I59" i="1"/>
  <c r="H59" i="1"/>
  <c r="G59" i="1"/>
  <c r="F59" i="1"/>
  <c r="E59" i="1"/>
  <c r="D59" i="1"/>
  <c r="C59" i="1"/>
  <c r="K58" i="1"/>
  <c r="J58" i="1"/>
  <c r="I58" i="1"/>
  <c r="H58" i="1"/>
  <c r="G58" i="1"/>
  <c r="F58" i="1"/>
  <c r="E58" i="1"/>
  <c r="D58" i="1"/>
  <c r="C58" i="1"/>
  <c r="K57" i="1"/>
  <c r="J57" i="1"/>
  <c r="I57" i="1"/>
  <c r="H57" i="1"/>
  <c r="G57" i="1"/>
  <c r="F57" i="1"/>
  <c r="E57" i="1"/>
  <c r="D57" i="1"/>
  <c r="C57" i="1"/>
  <c r="K56" i="1"/>
  <c r="J56" i="1"/>
  <c r="I56" i="1"/>
  <c r="H56" i="1"/>
  <c r="G56" i="1"/>
  <c r="F56" i="1"/>
  <c r="E56" i="1"/>
  <c r="D56" i="1"/>
  <c r="C56" i="1"/>
  <c r="K55" i="1"/>
  <c r="J55" i="1"/>
  <c r="I55" i="1"/>
  <c r="H55" i="1"/>
  <c r="G55" i="1"/>
  <c r="F55" i="1"/>
  <c r="E55" i="1"/>
  <c r="D55" i="1"/>
  <c r="C55" i="1"/>
  <c r="K54" i="1"/>
  <c r="J54" i="1"/>
  <c r="I54" i="1"/>
  <c r="H54" i="1"/>
  <c r="G54" i="1"/>
  <c r="F54" i="1"/>
  <c r="E54" i="1"/>
  <c r="D54" i="1"/>
  <c r="C54" i="1"/>
  <c r="K53" i="1"/>
  <c r="J53" i="1"/>
  <c r="I53" i="1"/>
  <c r="H53" i="1"/>
  <c r="G53" i="1"/>
  <c r="F53" i="1"/>
  <c r="E53" i="1"/>
  <c r="D53" i="1"/>
  <c r="C53" i="1"/>
  <c r="K52" i="1"/>
  <c r="J52" i="1"/>
  <c r="I52" i="1"/>
  <c r="H52" i="1"/>
  <c r="G52" i="1"/>
  <c r="F52" i="1"/>
  <c r="E52" i="1"/>
  <c r="D52" i="1"/>
  <c r="C52" i="1"/>
  <c r="K51" i="1"/>
  <c r="J51" i="1"/>
  <c r="I51" i="1"/>
  <c r="H51" i="1"/>
  <c r="G51" i="1"/>
  <c r="F51" i="1"/>
  <c r="E51" i="1"/>
  <c r="D51" i="1"/>
  <c r="C51" i="1"/>
  <c r="K50" i="1"/>
  <c r="J50" i="1"/>
  <c r="I50" i="1"/>
  <c r="H50" i="1"/>
  <c r="G50" i="1"/>
  <c r="F50" i="1"/>
  <c r="E50" i="1"/>
  <c r="D50" i="1"/>
  <c r="C50" i="1"/>
  <c r="K49" i="1"/>
  <c r="J49" i="1"/>
  <c r="I49" i="1"/>
  <c r="H49" i="1"/>
  <c r="G49" i="1"/>
  <c r="F49" i="1"/>
  <c r="E49" i="1"/>
  <c r="D49" i="1"/>
  <c r="C49" i="1"/>
  <c r="K48" i="1"/>
  <c r="J48" i="1"/>
  <c r="I48" i="1"/>
  <c r="H48" i="1"/>
  <c r="G48" i="1"/>
  <c r="F48" i="1"/>
  <c r="E48" i="1"/>
  <c r="D48" i="1"/>
  <c r="C48" i="1"/>
  <c r="K47" i="1"/>
  <c r="J47" i="1"/>
  <c r="I47" i="1"/>
  <c r="H47" i="1"/>
  <c r="G47" i="1"/>
  <c r="F47" i="1"/>
  <c r="E47" i="1"/>
  <c r="D47" i="1"/>
  <c r="C47" i="1"/>
  <c r="K46" i="1"/>
  <c r="J46" i="1"/>
  <c r="I46" i="1"/>
  <c r="H46" i="1"/>
  <c r="G46" i="1"/>
  <c r="F46" i="1"/>
  <c r="E46" i="1"/>
  <c r="D46" i="1"/>
  <c r="C46" i="1"/>
  <c r="K45" i="1"/>
  <c r="J45" i="1"/>
  <c r="I45" i="1"/>
  <c r="H45" i="1"/>
  <c r="G45" i="1"/>
  <c r="F45" i="1"/>
  <c r="E45" i="1"/>
  <c r="D45" i="1"/>
  <c r="C45" i="1"/>
  <c r="K44" i="1"/>
  <c r="J44" i="1"/>
  <c r="I44" i="1"/>
  <c r="H44" i="1"/>
  <c r="G44" i="1"/>
  <c r="F44" i="1"/>
  <c r="E44" i="1"/>
  <c r="D44" i="1"/>
  <c r="C44" i="1"/>
  <c r="K43" i="1"/>
  <c r="J43" i="1"/>
  <c r="I43" i="1"/>
  <c r="H43" i="1"/>
  <c r="G43" i="1"/>
  <c r="F43" i="1"/>
  <c r="E43" i="1"/>
  <c r="D43" i="1"/>
  <c r="C43" i="1"/>
  <c r="K42" i="1"/>
  <c r="J42" i="1"/>
  <c r="I42" i="1"/>
  <c r="H42" i="1"/>
  <c r="G42" i="1"/>
  <c r="F42" i="1"/>
  <c r="E42" i="1"/>
  <c r="D42" i="1"/>
  <c r="C42" i="1"/>
  <c r="K41" i="1"/>
  <c r="J41" i="1"/>
  <c r="I41" i="1"/>
  <c r="H41" i="1"/>
  <c r="G41" i="1"/>
  <c r="F41" i="1"/>
  <c r="E41" i="1"/>
  <c r="D41" i="1"/>
  <c r="C41" i="1"/>
  <c r="K40" i="1"/>
  <c r="J40" i="1"/>
  <c r="I40" i="1"/>
  <c r="H40" i="1"/>
  <c r="G40" i="1"/>
  <c r="F40" i="1"/>
  <c r="E40" i="1"/>
  <c r="D40" i="1"/>
  <c r="C40" i="1"/>
  <c r="K39" i="1"/>
  <c r="J39" i="1"/>
  <c r="I39" i="1"/>
  <c r="H39" i="1"/>
  <c r="G39" i="1"/>
  <c r="F39" i="1"/>
  <c r="E39" i="1"/>
  <c r="D39" i="1"/>
  <c r="C39" i="1"/>
  <c r="K38" i="1"/>
  <c r="J38" i="1"/>
  <c r="I38" i="1"/>
  <c r="H38" i="1"/>
  <c r="G38" i="1"/>
  <c r="F38" i="1"/>
  <c r="E38" i="1"/>
  <c r="D38" i="1"/>
  <c r="C38" i="1"/>
  <c r="K37" i="1"/>
  <c r="J37" i="1"/>
  <c r="I37" i="1"/>
  <c r="H37" i="1"/>
  <c r="G37" i="1"/>
  <c r="F37" i="1"/>
  <c r="E37" i="1"/>
  <c r="D37" i="1"/>
  <c r="C37" i="1"/>
  <c r="K36" i="1"/>
  <c r="J36" i="1"/>
  <c r="I36" i="1"/>
  <c r="H36" i="1"/>
  <c r="G36" i="1"/>
  <c r="F36" i="1"/>
  <c r="E36" i="1"/>
  <c r="D36" i="1"/>
  <c r="C36" i="1"/>
  <c r="K35" i="1"/>
  <c r="J35" i="1"/>
  <c r="I35" i="1"/>
  <c r="H35" i="1"/>
  <c r="G35" i="1"/>
  <c r="F35" i="1"/>
  <c r="E35" i="1"/>
  <c r="D35" i="1"/>
  <c r="C35" i="1"/>
  <c r="K34" i="1"/>
  <c r="J34" i="1"/>
  <c r="I34" i="1"/>
  <c r="H34" i="1"/>
  <c r="G34" i="1"/>
  <c r="F34" i="1"/>
  <c r="E34" i="1"/>
  <c r="D34" i="1"/>
  <c r="C34" i="1"/>
  <c r="K33" i="1"/>
  <c r="J33" i="1"/>
  <c r="I33" i="1"/>
  <c r="H33" i="1"/>
  <c r="G33" i="1"/>
  <c r="F33" i="1"/>
  <c r="E33" i="1"/>
  <c r="D33" i="1"/>
  <c r="C33" i="1"/>
  <c r="K32" i="1"/>
  <c r="J32" i="1"/>
  <c r="I32" i="1"/>
  <c r="H32" i="1"/>
  <c r="G32" i="1"/>
  <c r="F32" i="1"/>
  <c r="E32" i="1"/>
  <c r="D32" i="1"/>
  <c r="C32" i="1"/>
  <c r="K31" i="1"/>
  <c r="J31" i="1"/>
  <c r="I31" i="1"/>
  <c r="H31" i="1"/>
  <c r="G31" i="1"/>
  <c r="F31" i="1"/>
  <c r="E31" i="1"/>
  <c r="D31" i="1"/>
  <c r="C31" i="1"/>
  <c r="K30" i="1"/>
  <c r="J30" i="1"/>
  <c r="I30" i="1"/>
  <c r="H30" i="1"/>
  <c r="G30" i="1"/>
  <c r="F30" i="1"/>
  <c r="E30" i="1"/>
  <c r="D30" i="1"/>
  <c r="C30" i="1"/>
  <c r="K29" i="1"/>
  <c r="J29" i="1"/>
  <c r="I29" i="1"/>
  <c r="H29" i="1"/>
  <c r="G29" i="1"/>
  <c r="F29" i="1"/>
  <c r="E29" i="1"/>
  <c r="D29" i="1"/>
  <c r="C29" i="1"/>
  <c r="K28" i="1"/>
  <c r="J28" i="1"/>
  <c r="I28" i="1"/>
  <c r="H28" i="1"/>
  <c r="G28" i="1"/>
  <c r="F28" i="1"/>
  <c r="E28" i="1"/>
  <c r="D28" i="1"/>
  <c r="C28" i="1"/>
  <c r="K27" i="1"/>
  <c r="J27" i="1"/>
  <c r="I27" i="1"/>
  <c r="H27" i="1"/>
  <c r="G27" i="1"/>
  <c r="F27" i="1"/>
  <c r="E27" i="1"/>
  <c r="D27" i="1"/>
  <c r="C27" i="1"/>
  <c r="K26" i="1"/>
  <c r="J26" i="1"/>
  <c r="I26" i="1"/>
  <c r="H26" i="1"/>
  <c r="G26" i="1"/>
  <c r="F26" i="1"/>
  <c r="E26" i="1"/>
  <c r="D26" i="1"/>
  <c r="C26" i="1"/>
  <c r="K25" i="1"/>
  <c r="J25" i="1"/>
  <c r="I25" i="1"/>
  <c r="H25" i="1"/>
  <c r="G25" i="1"/>
  <c r="F25" i="1"/>
  <c r="E25" i="1"/>
  <c r="D25" i="1"/>
  <c r="C25" i="1"/>
  <c r="K24" i="1"/>
  <c r="J24" i="1"/>
  <c r="I24" i="1"/>
  <c r="H24" i="1"/>
  <c r="G24" i="1"/>
  <c r="F24" i="1"/>
  <c r="E24" i="1"/>
  <c r="D24" i="1"/>
  <c r="C24" i="1"/>
  <c r="K23" i="1"/>
  <c r="J23" i="1"/>
  <c r="I23" i="1"/>
  <c r="H23" i="1"/>
  <c r="G23" i="1"/>
  <c r="F23" i="1"/>
  <c r="E23" i="1"/>
  <c r="D23" i="1"/>
  <c r="C23" i="1"/>
  <c r="K22" i="1"/>
  <c r="J22" i="1"/>
  <c r="I22" i="1"/>
  <c r="H22" i="1"/>
  <c r="G22" i="1"/>
  <c r="F22" i="1"/>
  <c r="E22" i="1"/>
  <c r="D22" i="1"/>
  <c r="C22" i="1"/>
  <c r="K21" i="1"/>
  <c r="J21" i="1"/>
  <c r="I21" i="1"/>
  <c r="H21" i="1"/>
  <c r="G21" i="1"/>
  <c r="F21" i="1"/>
  <c r="E21" i="1"/>
  <c r="D21" i="1"/>
  <c r="C21" i="1"/>
  <c r="K20" i="1"/>
  <c r="J20" i="1"/>
  <c r="I20" i="1"/>
  <c r="H20" i="1"/>
  <c r="G20" i="1"/>
  <c r="F20" i="1"/>
  <c r="E20" i="1"/>
  <c r="D20" i="1"/>
  <c r="C20" i="1"/>
  <c r="K19" i="1"/>
  <c r="J19" i="1"/>
  <c r="I19" i="1"/>
  <c r="H19" i="1"/>
  <c r="G19" i="1"/>
  <c r="F19" i="1"/>
  <c r="E19" i="1"/>
  <c r="D19" i="1"/>
  <c r="C19" i="1"/>
  <c r="K18" i="1"/>
  <c r="J18" i="1"/>
  <c r="I18" i="1"/>
  <c r="H18" i="1"/>
  <c r="G18" i="1"/>
  <c r="F18" i="1"/>
  <c r="E18" i="1"/>
  <c r="D18" i="1"/>
  <c r="C18" i="1"/>
  <c r="K17" i="1"/>
  <c r="J17" i="1"/>
  <c r="I17" i="1"/>
  <c r="H17" i="1"/>
  <c r="G17" i="1"/>
  <c r="F17" i="1"/>
  <c r="E17" i="1"/>
  <c r="D17" i="1"/>
  <c r="C17" i="1"/>
  <c r="K16" i="1"/>
  <c r="J16" i="1"/>
  <c r="I16" i="1"/>
  <c r="H16" i="1"/>
  <c r="G16" i="1"/>
  <c r="F16" i="1"/>
  <c r="E16" i="1"/>
  <c r="D16" i="1"/>
  <c r="C16" i="1"/>
  <c r="K15" i="1"/>
  <c r="J15" i="1"/>
  <c r="I15" i="1"/>
  <c r="H15" i="1"/>
  <c r="G15" i="1"/>
  <c r="F15" i="1"/>
  <c r="E15" i="1"/>
  <c r="D15" i="1"/>
  <c r="C15" i="1"/>
  <c r="K14" i="1"/>
  <c r="J14" i="1"/>
  <c r="I14" i="1"/>
  <c r="H14" i="1"/>
  <c r="G14" i="1"/>
  <c r="F14" i="1"/>
  <c r="E14" i="1"/>
  <c r="D14" i="1"/>
  <c r="C14" i="1"/>
  <c r="K13" i="1"/>
  <c r="J13" i="1"/>
  <c r="I13" i="1"/>
  <c r="H13" i="1"/>
  <c r="G13" i="1"/>
  <c r="F13" i="1"/>
  <c r="E13" i="1"/>
  <c r="D13" i="1"/>
  <c r="C13" i="1"/>
  <c r="K12" i="1"/>
  <c r="J12" i="1"/>
  <c r="I12" i="1"/>
  <c r="H12" i="1"/>
  <c r="G12" i="1"/>
  <c r="F12" i="1"/>
  <c r="E12" i="1"/>
  <c r="D12" i="1"/>
  <c r="C12" i="1"/>
  <c r="K11" i="1"/>
  <c r="J11" i="1"/>
  <c r="I11" i="1"/>
  <c r="H11" i="1"/>
  <c r="G11" i="1"/>
  <c r="F11" i="1"/>
  <c r="E11" i="1"/>
  <c r="D11" i="1"/>
  <c r="C11" i="1"/>
  <c r="K10" i="1"/>
  <c r="J10" i="1"/>
  <c r="I10" i="1"/>
  <c r="H10" i="1"/>
  <c r="G10" i="1"/>
  <c r="F10" i="1"/>
  <c r="E10" i="1"/>
  <c r="D10" i="1"/>
  <c r="C10" i="1"/>
  <c r="K9" i="1"/>
  <c r="J9" i="1"/>
  <c r="I9" i="1"/>
  <c r="H9" i="1"/>
  <c r="G9" i="1"/>
  <c r="F9" i="1"/>
  <c r="E9" i="1"/>
  <c r="D9" i="1"/>
  <c r="C9" i="1"/>
  <c r="K8" i="1"/>
  <c r="J8" i="1"/>
  <c r="I8" i="1"/>
  <c r="H8" i="1"/>
  <c r="G8" i="1"/>
  <c r="F8" i="1"/>
  <c r="E8" i="1"/>
  <c r="D8" i="1"/>
  <c r="C8" i="1"/>
  <c r="K7" i="1"/>
  <c r="J7" i="1"/>
  <c r="I7" i="1"/>
  <c r="H7" i="1"/>
  <c r="G7" i="1"/>
  <c r="F7" i="1"/>
  <c r="E7" i="1"/>
  <c r="D7" i="1"/>
  <c r="C7" i="1"/>
  <c r="K6" i="1"/>
  <c r="J6" i="1"/>
  <c r="I6" i="1"/>
  <c r="H6" i="1"/>
  <c r="G6" i="1"/>
  <c r="F6" i="1"/>
  <c r="E6" i="1"/>
  <c r="D6" i="1"/>
  <c r="C6" i="1"/>
  <c r="K5" i="1"/>
  <c r="J5" i="1"/>
  <c r="I5" i="1"/>
  <c r="H5" i="1"/>
  <c r="G5" i="1"/>
  <c r="F5" i="1"/>
  <c r="E5" i="1"/>
  <c r="D5" i="1"/>
  <c r="C5" i="1"/>
  <c r="K4" i="1"/>
  <c r="J4" i="1"/>
  <c r="I4" i="1"/>
  <c r="H4" i="1"/>
  <c r="G4" i="1"/>
  <c r="F4" i="1"/>
  <c r="E4" i="1"/>
  <c r="D4" i="1"/>
  <c r="C4" i="1"/>
</calcChain>
</file>

<file path=xl/sharedStrings.xml><?xml version="1.0" encoding="utf-8"?>
<sst xmlns="http://schemas.openxmlformats.org/spreadsheetml/2006/main" count="74" uniqueCount="74">
  <si>
    <t>市区町村別･系統別 宗教法人数</t>
    <rPh sb="0" eb="2">
      <t>シク</t>
    </rPh>
    <rPh sb="2" eb="4">
      <t>チョウソン</t>
    </rPh>
    <rPh sb="4" eb="5">
      <t>ベツ</t>
    </rPh>
    <rPh sb="6" eb="8">
      <t>ケイトウ</t>
    </rPh>
    <rPh sb="8" eb="9">
      <t>ベツ</t>
    </rPh>
    <rPh sb="10" eb="12">
      <t>シュウキョウ</t>
    </rPh>
    <rPh sb="12" eb="14">
      <t>ホウジン</t>
    </rPh>
    <rPh sb="14" eb="15">
      <t>スウ</t>
    </rPh>
    <phoneticPr fontId="4"/>
  </si>
  <si>
    <t>区分</t>
    <rPh sb="0" eb="2">
      <t>クブン</t>
    </rPh>
    <phoneticPr fontId="4"/>
  </si>
  <si>
    <t>市区町村</t>
    <rPh sb="0" eb="2">
      <t>シク</t>
    </rPh>
    <rPh sb="2" eb="4">
      <t>チョウソン</t>
    </rPh>
    <phoneticPr fontId="4"/>
  </si>
  <si>
    <t xml:space="preserve">神道 </t>
    <phoneticPr fontId="4"/>
  </si>
  <si>
    <t>仏教</t>
    <phoneticPr fontId="4"/>
  </si>
  <si>
    <t>ｷﾘｽﾄ教</t>
    <phoneticPr fontId="4"/>
  </si>
  <si>
    <t>諸教</t>
    <phoneticPr fontId="4"/>
  </si>
  <si>
    <t>合計</t>
    <rPh sb="0" eb="2">
      <t>ゴウケイ</t>
    </rPh>
    <phoneticPr fontId="4"/>
  </si>
  <si>
    <t>神社</t>
    <rPh sb="0" eb="2">
      <t>ジンジャ</t>
    </rPh>
    <phoneticPr fontId="4"/>
  </si>
  <si>
    <t>教会</t>
  </si>
  <si>
    <t>寺院</t>
    <rPh sb="0" eb="2">
      <t>ジイン</t>
    </rPh>
    <phoneticPr fontId="4"/>
  </si>
  <si>
    <t>教会</t>
    <rPh sb="0" eb="2">
      <t>キョウカイ</t>
    </rPh>
    <phoneticPr fontId="4"/>
  </si>
  <si>
    <t>系統別合計</t>
    <rPh sb="0" eb="2">
      <t>ケイトウ</t>
    </rPh>
    <rPh sb="2" eb="3">
      <t>ベツ</t>
    </rPh>
    <rPh sb="3" eb="5">
      <t>ゴウケイ</t>
    </rPh>
    <phoneticPr fontId="4"/>
  </si>
  <si>
    <t>横浜市</t>
    <phoneticPr fontId="4"/>
  </si>
  <si>
    <t>鶴見区</t>
  </si>
  <si>
    <t>神奈川区</t>
  </si>
  <si>
    <t>西区</t>
  </si>
  <si>
    <t>中区</t>
  </si>
  <si>
    <t>南区</t>
  </si>
  <si>
    <t>港南区</t>
  </si>
  <si>
    <t>保土ケ谷区</t>
    <phoneticPr fontId="4"/>
  </si>
  <si>
    <t>旭区</t>
  </si>
  <si>
    <t>磯子区</t>
  </si>
  <si>
    <t>金沢区</t>
  </si>
  <si>
    <t>港北区</t>
  </si>
  <si>
    <t>緑区</t>
  </si>
  <si>
    <t>青葉区</t>
  </si>
  <si>
    <t>都筑区</t>
  </si>
  <si>
    <t>戸塚区</t>
  </si>
  <si>
    <t>栄区</t>
  </si>
  <si>
    <t>泉区</t>
  </si>
  <si>
    <t>瀬谷区</t>
  </si>
  <si>
    <t>川崎市</t>
    <phoneticPr fontId="4"/>
  </si>
  <si>
    <t>川崎区</t>
  </si>
  <si>
    <t>幸区</t>
  </si>
  <si>
    <t>中原区</t>
  </si>
  <si>
    <t>高津区</t>
  </si>
  <si>
    <t>宮前区</t>
  </si>
  <si>
    <t>多摩区</t>
  </si>
  <si>
    <t>麻生区</t>
  </si>
  <si>
    <t>相模原市</t>
    <rPh sb="0" eb="3">
      <t>サガミハラ</t>
    </rPh>
    <phoneticPr fontId="4"/>
  </si>
  <si>
    <t>緑区</t>
    <rPh sb="0" eb="1">
      <t>ミドリ</t>
    </rPh>
    <phoneticPr fontId="4"/>
  </si>
  <si>
    <t>中央区</t>
    <rPh sb="0" eb="2">
      <t>チュウオウ</t>
    </rPh>
    <phoneticPr fontId="4"/>
  </si>
  <si>
    <t>南区</t>
    <rPh sb="0" eb="1">
      <t>ミナミ</t>
    </rPh>
    <phoneticPr fontId="4"/>
  </si>
  <si>
    <t>横須賀市</t>
  </si>
  <si>
    <t>平塚市</t>
  </si>
  <si>
    <t>鎌倉市</t>
  </si>
  <si>
    <t>藤沢市</t>
    <rPh sb="0" eb="3">
      <t>フジサワシ</t>
    </rPh>
    <phoneticPr fontId="4"/>
  </si>
  <si>
    <t>小田原市</t>
    <rPh sb="0" eb="3">
      <t>オダワラ</t>
    </rPh>
    <phoneticPr fontId="4"/>
  </si>
  <si>
    <t>茅ヶ崎市</t>
    <rPh sb="0" eb="3">
      <t>チガサキ</t>
    </rPh>
    <phoneticPr fontId="4"/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8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5"/>
      </left>
      <right/>
      <top style="medium">
        <color indexed="64"/>
      </top>
      <bottom/>
      <diagonal/>
    </border>
    <border>
      <left style="hair">
        <color indexed="8"/>
      </left>
      <right/>
      <top style="medium">
        <color indexed="64"/>
      </top>
      <bottom/>
      <diagonal/>
    </border>
    <border>
      <left style="hair">
        <color indexed="8"/>
      </left>
      <right style="hair">
        <color indexed="8"/>
      </right>
      <top style="medium">
        <color indexed="64"/>
      </top>
      <bottom/>
      <diagonal/>
    </border>
    <border>
      <left style="hair">
        <color indexed="8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8"/>
      </left>
      <right/>
      <top style="hair">
        <color indexed="8"/>
      </top>
      <bottom style="medium">
        <color indexed="64"/>
      </bottom>
      <diagonal/>
    </border>
    <border>
      <left style="hair">
        <color indexed="8"/>
      </left>
      <right/>
      <top/>
      <bottom style="medium">
        <color indexed="64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medium">
        <color indexed="64"/>
      </bottom>
      <diagonal/>
    </border>
    <border>
      <left style="hair">
        <color indexed="8"/>
      </left>
      <right style="hair">
        <color indexed="8"/>
      </right>
      <top/>
      <bottom style="medium">
        <color indexed="64"/>
      </bottom>
      <diagonal/>
    </border>
    <border>
      <left style="hair">
        <color indexed="8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5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hair">
        <color indexed="8"/>
      </left>
      <right/>
      <top style="medium">
        <color indexed="64"/>
      </top>
      <bottom style="thin">
        <color indexed="64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8"/>
      </bottom>
      <diagonal/>
    </border>
    <border>
      <left/>
      <right/>
      <top style="thin">
        <color indexed="64"/>
      </top>
      <bottom style="hair">
        <color indexed="8"/>
      </bottom>
      <diagonal/>
    </border>
    <border>
      <left style="hair">
        <color indexed="8"/>
      </left>
      <right/>
      <top style="thin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thin">
        <color indexed="64"/>
      </top>
      <bottom style="hair">
        <color indexed="8"/>
      </bottom>
      <diagonal/>
    </border>
    <border>
      <left/>
      <right style="medium">
        <color indexed="64"/>
      </right>
      <top style="thin">
        <color indexed="64"/>
      </top>
      <bottom style="hair">
        <color indexed="8"/>
      </bottom>
      <diagonal/>
    </border>
    <border>
      <left style="medium">
        <color indexed="64"/>
      </left>
      <right/>
      <top style="thin">
        <color indexed="65"/>
      </top>
      <bottom/>
      <diagonal/>
    </border>
    <border>
      <left style="hair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hair">
        <color indexed="8"/>
      </bottom>
      <diagonal/>
    </border>
    <border>
      <left/>
      <right/>
      <top style="hair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/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hair">
        <color indexed="8"/>
      </right>
      <top style="thin">
        <color indexed="65"/>
      </top>
      <bottom/>
      <diagonal/>
    </border>
    <border>
      <left style="medium">
        <color indexed="64"/>
      </left>
      <right style="hair">
        <color indexed="8"/>
      </right>
      <top style="thin">
        <color indexed="65"/>
      </top>
      <bottom style="hair">
        <color indexed="8"/>
      </bottom>
      <diagonal/>
    </border>
    <border>
      <left style="medium">
        <color indexed="64"/>
      </left>
      <right/>
      <top style="thin">
        <color indexed="65"/>
      </top>
      <bottom style="hair">
        <color indexed="8"/>
      </bottom>
      <diagonal/>
    </border>
    <border>
      <left style="hair">
        <color indexed="8"/>
      </left>
      <right/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/>
      <diagonal/>
    </border>
    <border>
      <left/>
      <right/>
      <top style="hair">
        <color indexed="8"/>
      </top>
      <bottom/>
      <diagonal/>
    </border>
    <border>
      <left style="hair">
        <color indexed="8"/>
      </left>
      <right style="hair">
        <color indexed="8"/>
      </right>
      <top style="hair">
        <color indexed="8"/>
      </top>
      <bottom/>
      <diagonal/>
    </border>
    <border>
      <left/>
      <right style="medium">
        <color indexed="64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hair">
        <color indexed="8"/>
      </top>
      <bottom style="medium">
        <color indexed="64"/>
      </bottom>
      <diagonal/>
    </border>
    <border>
      <left/>
      <right style="medium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medium">
        <color indexed="64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8"/>
      </bottom>
      <diagonal/>
    </border>
    <border>
      <left style="hair">
        <color indexed="8"/>
      </left>
      <right/>
      <top style="medium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hair">
        <color indexed="8"/>
      </bottom>
      <diagonal/>
    </border>
    <border>
      <left/>
      <right style="medium">
        <color indexed="64"/>
      </right>
      <top style="medium">
        <color indexed="64"/>
      </top>
      <bottom style="hair">
        <color indexed="8"/>
      </bottom>
      <diagonal/>
    </border>
    <border>
      <left style="medium">
        <color indexed="64"/>
      </left>
      <right/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/>
      <bottom style="hair">
        <color indexed="8"/>
      </bottom>
      <diagonal/>
    </border>
    <border>
      <left/>
      <right/>
      <top/>
      <bottom style="hair">
        <color indexed="8"/>
      </bottom>
      <diagonal/>
    </border>
    <border>
      <left style="thin">
        <color indexed="64"/>
      </left>
      <right style="thin">
        <color indexed="64"/>
      </right>
      <top/>
      <bottom style="hair">
        <color indexed="8"/>
      </bottom>
      <diagonal/>
    </border>
    <border>
      <left style="hair">
        <color indexed="8"/>
      </left>
      <right/>
      <top/>
      <bottom style="hair">
        <color indexed="8"/>
      </bottom>
      <diagonal/>
    </border>
    <border>
      <left style="hair">
        <color indexed="8"/>
      </left>
      <right style="hair">
        <color indexed="8"/>
      </right>
      <top/>
      <bottom style="hair">
        <color indexed="8"/>
      </bottom>
      <diagonal/>
    </border>
    <border>
      <left/>
      <right style="medium">
        <color indexed="64"/>
      </right>
      <top/>
      <bottom style="hair">
        <color indexed="8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/>
  </cellStyleXfs>
  <cellXfs count="81">
    <xf numFmtId="0" fontId="0" fillId="0" borderId="0" xfId="0">
      <alignment vertical="center"/>
    </xf>
    <xf numFmtId="38" fontId="2" fillId="0" borderId="0" xfId="1" applyFont="1" applyFill="1" applyAlignment="1" applyProtection="1">
      <alignment vertical="center"/>
    </xf>
    <xf numFmtId="38" fontId="5" fillId="0" borderId="0" xfId="1" applyFont="1" applyFill="1" applyAlignment="1" applyProtection="1">
      <alignment vertical="center"/>
    </xf>
    <xf numFmtId="38" fontId="6" fillId="0" borderId="0" xfId="1" applyFont="1" applyFill="1" applyAlignment="1" applyProtection="1">
      <alignment vertical="center"/>
    </xf>
    <xf numFmtId="38" fontId="5" fillId="0" borderId="0" xfId="1" applyFont="1" applyFill="1" applyAlignment="1" applyProtection="1">
      <alignment vertical="center"/>
      <protection locked="0"/>
    </xf>
    <xf numFmtId="38" fontId="5" fillId="0" borderId="0" xfId="1" applyFont="1" applyFill="1" applyProtection="1">
      <protection locked="0"/>
    </xf>
    <xf numFmtId="38" fontId="7" fillId="0" borderId="0" xfId="1" applyFont="1" applyFill="1" applyAlignment="1" applyProtection="1">
      <alignment vertical="center"/>
      <protection locked="0"/>
    </xf>
    <xf numFmtId="0" fontId="7" fillId="0" borderId="3" xfId="2" applyFont="1" applyFill="1" applyBorder="1" applyAlignment="1" applyProtection="1">
      <alignment horizontal="center"/>
    </xf>
    <xf numFmtId="0" fontId="7" fillId="0" borderId="4" xfId="2" applyFont="1" applyFill="1" applyBorder="1" applyAlignment="1" applyProtection="1">
      <alignment vertical="center"/>
    </xf>
    <xf numFmtId="0" fontId="7" fillId="0" borderId="2" xfId="2" applyFont="1" applyFill="1" applyBorder="1" applyAlignment="1" applyProtection="1">
      <alignment vertical="center"/>
    </xf>
    <xf numFmtId="0" fontId="1" fillId="0" borderId="0" xfId="2" applyFont="1" applyFill="1" applyProtection="1">
      <protection locked="0"/>
    </xf>
    <xf numFmtId="0" fontId="7" fillId="0" borderId="10" xfId="2" applyFont="1" applyFill="1" applyBorder="1" applyAlignment="1" applyProtection="1">
      <alignment horizontal="center" vertical="top"/>
    </xf>
    <xf numFmtId="0" fontId="7" fillId="0" borderId="11" xfId="2" applyFont="1" applyFill="1" applyBorder="1" applyAlignment="1" applyProtection="1">
      <alignment horizontal="center" vertical="center"/>
    </xf>
    <xf numFmtId="0" fontId="7" fillId="0" borderId="13" xfId="2" applyFont="1" applyFill="1" applyBorder="1" applyAlignment="1" applyProtection="1">
      <alignment horizontal="center" vertical="center"/>
    </xf>
    <xf numFmtId="0" fontId="7" fillId="0" borderId="16" xfId="2" applyFont="1" applyFill="1" applyBorder="1" applyAlignment="1" applyProtection="1">
      <alignment vertical="center"/>
    </xf>
    <xf numFmtId="0" fontId="7" fillId="0" borderId="17" xfId="2" applyFont="1" applyFill="1" applyBorder="1" applyAlignment="1" applyProtection="1">
      <alignment vertical="center"/>
    </xf>
    <xf numFmtId="176" fontId="7" fillId="0" borderId="18" xfId="2" applyNumberFormat="1" applyFont="1" applyFill="1" applyBorder="1" applyAlignment="1" applyProtection="1">
      <alignment vertical="center"/>
    </xf>
    <xf numFmtId="176" fontId="7" fillId="0" borderId="19" xfId="2" applyNumberFormat="1" applyFont="1" applyFill="1" applyBorder="1" applyAlignment="1" applyProtection="1">
      <alignment vertical="center"/>
    </xf>
    <xf numFmtId="176" fontId="7" fillId="0" borderId="20" xfId="2" applyNumberFormat="1" applyFont="1" applyFill="1" applyBorder="1" applyAlignment="1" applyProtection="1">
      <alignment vertical="center"/>
    </xf>
    <xf numFmtId="176" fontId="7" fillId="0" borderId="21" xfId="2" applyNumberFormat="1" applyFont="1" applyFill="1" applyBorder="1" applyAlignment="1" applyProtection="1">
      <alignment vertical="center"/>
    </xf>
    <xf numFmtId="176" fontId="7" fillId="0" borderId="22" xfId="2" applyNumberFormat="1" applyFont="1" applyFill="1" applyBorder="1" applyAlignment="1" applyProtection="1">
      <alignment vertical="center"/>
    </xf>
    <xf numFmtId="0" fontId="7" fillId="0" borderId="23" xfId="2" applyFont="1" applyFill="1" applyBorder="1" applyAlignment="1" applyProtection="1">
      <alignment vertical="center"/>
    </xf>
    <xf numFmtId="0" fontId="7" fillId="0" borderId="24" xfId="2" applyFont="1" applyFill="1" applyBorder="1" applyAlignment="1" applyProtection="1">
      <alignment vertical="center"/>
    </xf>
    <xf numFmtId="176" fontId="7" fillId="0" borderId="25" xfId="2" applyNumberFormat="1" applyFont="1" applyFill="1" applyBorder="1" applyAlignment="1" applyProtection="1">
      <alignment vertical="center"/>
    </xf>
    <xf numFmtId="176" fontId="7" fillId="0" borderId="26" xfId="2" applyNumberFormat="1" applyFont="1" applyFill="1" applyBorder="1" applyAlignment="1" applyProtection="1">
      <alignment vertical="center"/>
    </xf>
    <xf numFmtId="176" fontId="7" fillId="0" borderId="27" xfId="2" applyNumberFormat="1" applyFont="1" applyFill="1" applyBorder="1" applyAlignment="1" applyProtection="1">
      <alignment vertical="center"/>
    </xf>
    <xf numFmtId="176" fontId="7" fillId="0" borderId="28" xfId="2" applyNumberFormat="1" applyFont="1" applyFill="1" applyBorder="1" applyAlignment="1" applyProtection="1">
      <alignment vertical="center"/>
    </xf>
    <xf numFmtId="176" fontId="7" fillId="0" borderId="29" xfId="2" applyNumberFormat="1" applyFont="1" applyFill="1" applyBorder="1" applyAlignment="1" applyProtection="1">
      <alignment vertical="center"/>
    </xf>
    <xf numFmtId="0" fontId="7" fillId="0" borderId="30" xfId="2" applyFont="1" applyFill="1" applyBorder="1" applyAlignment="1" applyProtection="1">
      <alignment vertical="center"/>
    </xf>
    <xf numFmtId="0" fontId="7" fillId="0" borderId="31" xfId="2" applyFont="1" applyFill="1" applyBorder="1" applyAlignment="1" applyProtection="1">
      <alignment vertical="center"/>
    </xf>
    <xf numFmtId="176" fontId="7" fillId="0" borderId="32" xfId="2" applyNumberFormat="1" applyFont="1" applyFill="1" applyBorder="1" applyAlignment="1" applyProtection="1">
      <alignment vertical="center"/>
    </xf>
    <xf numFmtId="176" fontId="7" fillId="0" borderId="33" xfId="2" applyNumberFormat="1" applyFont="1" applyFill="1" applyBorder="1" applyAlignment="1" applyProtection="1">
      <alignment vertical="center"/>
    </xf>
    <xf numFmtId="176" fontId="7" fillId="0" borderId="31" xfId="2" applyNumberFormat="1" applyFont="1" applyFill="1" applyBorder="1" applyAlignment="1" applyProtection="1">
      <alignment vertical="center"/>
    </xf>
    <xf numFmtId="176" fontId="7" fillId="0" borderId="34" xfId="2" applyNumberFormat="1" applyFont="1" applyFill="1" applyBorder="1" applyAlignment="1" applyProtection="1">
      <alignment vertical="center"/>
    </xf>
    <xf numFmtId="176" fontId="7" fillId="0" borderId="35" xfId="2" applyNumberFormat="1" applyFont="1" applyFill="1" applyBorder="1" applyAlignment="1" applyProtection="1">
      <alignment vertical="center"/>
    </xf>
    <xf numFmtId="0" fontId="7" fillId="0" borderId="36" xfId="2" applyFont="1" applyFill="1" applyBorder="1" applyAlignment="1" applyProtection="1">
      <alignment vertical="center"/>
    </xf>
    <xf numFmtId="0" fontId="7" fillId="0" borderId="37" xfId="2" applyFont="1" applyFill="1" applyBorder="1" applyAlignment="1" applyProtection="1">
      <alignment vertical="center"/>
    </xf>
    <xf numFmtId="0" fontId="7" fillId="0" borderId="38" xfId="2" applyFont="1" applyFill="1" applyBorder="1" applyAlignment="1" applyProtection="1">
      <alignment vertical="center"/>
    </xf>
    <xf numFmtId="0" fontId="7" fillId="0" borderId="33" xfId="2" applyFont="1" applyFill="1" applyBorder="1" applyAlignment="1" applyProtection="1">
      <alignment vertical="center"/>
    </xf>
    <xf numFmtId="0" fontId="7" fillId="0" borderId="39" xfId="2" applyFont="1" applyFill="1" applyBorder="1" applyAlignment="1" applyProtection="1">
      <alignment vertical="center"/>
    </xf>
    <xf numFmtId="0" fontId="7" fillId="0" borderId="40" xfId="2" applyFont="1" applyFill="1" applyBorder="1" applyAlignment="1" applyProtection="1">
      <alignment vertical="center"/>
    </xf>
    <xf numFmtId="176" fontId="7" fillId="0" borderId="41" xfId="2" applyNumberFormat="1" applyFont="1" applyFill="1" applyBorder="1" applyAlignment="1" applyProtection="1">
      <alignment vertical="center"/>
    </xf>
    <xf numFmtId="176" fontId="7" fillId="0" borderId="42" xfId="2" applyNumberFormat="1" applyFont="1" applyFill="1" applyBorder="1" applyAlignment="1" applyProtection="1">
      <alignment vertical="center"/>
    </xf>
    <xf numFmtId="176" fontId="7" fillId="0" borderId="40" xfId="2" applyNumberFormat="1" applyFont="1" applyFill="1" applyBorder="1" applyAlignment="1" applyProtection="1">
      <alignment vertical="center"/>
    </xf>
    <xf numFmtId="176" fontId="7" fillId="0" borderId="43" xfId="2" applyNumberFormat="1" applyFont="1" applyFill="1" applyBorder="1" applyAlignment="1" applyProtection="1">
      <alignment vertical="center"/>
    </xf>
    <xf numFmtId="176" fontId="7" fillId="0" borderId="44" xfId="2" applyNumberFormat="1" applyFont="1" applyFill="1" applyBorder="1" applyAlignment="1" applyProtection="1">
      <alignment vertical="center"/>
    </xf>
    <xf numFmtId="0" fontId="7" fillId="0" borderId="8" xfId="2" applyFont="1" applyFill="1" applyBorder="1" applyAlignment="1" applyProtection="1">
      <alignment vertical="center"/>
    </xf>
    <xf numFmtId="0" fontId="7" fillId="0" borderId="11" xfId="2" applyFont="1" applyFill="1" applyBorder="1" applyAlignment="1" applyProtection="1">
      <alignment vertical="center"/>
    </xf>
    <xf numFmtId="176" fontId="7" fillId="0" borderId="45" xfId="2" applyNumberFormat="1" applyFont="1" applyFill="1" applyBorder="1" applyAlignment="1" applyProtection="1">
      <alignment vertical="center"/>
    </xf>
    <xf numFmtId="176" fontId="7" fillId="0" borderId="46" xfId="2" applyNumberFormat="1" applyFont="1" applyFill="1" applyBorder="1" applyAlignment="1" applyProtection="1">
      <alignment vertical="center"/>
    </xf>
    <xf numFmtId="176" fontId="7" fillId="0" borderId="11" xfId="2" applyNumberFormat="1" applyFont="1" applyFill="1" applyBorder="1" applyAlignment="1" applyProtection="1">
      <alignment vertical="center"/>
    </xf>
    <xf numFmtId="176" fontId="7" fillId="0" borderId="13" xfId="2" applyNumberFormat="1" applyFont="1" applyFill="1" applyBorder="1" applyAlignment="1" applyProtection="1">
      <alignment vertical="center"/>
    </xf>
    <xf numFmtId="176" fontId="7" fillId="0" borderId="47" xfId="2" applyNumberFormat="1" applyFont="1" applyFill="1" applyBorder="1" applyAlignment="1" applyProtection="1">
      <alignment vertical="center"/>
    </xf>
    <xf numFmtId="0" fontId="7" fillId="0" borderId="1" xfId="2" applyFont="1" applyFill="1" applyBorder="1" applyAlignment="1" applyProtection="1">
      <alignment vertical="center"/>
    </xf>
    <xf numFmtId="0" fontId="7" fillId="0" borderId="48" xfId="2" applyFont="1" applyFill="1" applyBorder="1" applyAlignment="1" applyProtection="1">
      <alignment vertical="center"/>
    </xf>
    <xf numFmtId="176" fontId="7" fillId="0" borderId="49" xfId="2" applyNumberFormat="1" applyFont="1" applyFill="1" applyBorder="1" applyAlignment="1" applyProtection="1">
      <alignment vertical="center"/>
    </xf>
    <xf numFmtId="176" fontId="7" fillId="0" borderId="48" xfId="2" applyNumberFormat="1" applyFont="1" applyFill="1" applyBorder="1" applyAlignment="1" applyProtection="1">
      <alignment vertical="center"/>
    </xf>
    <xf numFmtId="176" fontId="7" fillId="0" borderId="50" xfId="2" applyNumberFormat="1" applyFont="1" applyFill="1" applyBorder="1" applyAlignment="1" applyProtection="1">
      <alignment vertical="center"/>
    </xf>
    <xf numFmtId="176" fontId="7" fillId="0" borderId="51" xfId="2" applyNumberFormat="1" applyFont="1" applyFill="1" applyBorder="1" applyAlignment="1" applyProtection="1">
      <alignment vertical="center"/>
    </xf>
    <xf numFmtId="176" fontId="7" fillId="0" borderId="52" xfId="2" applyNumberFormat="1" applyFont="1" applyFill="1" applyBorder="1" applyAlignment="1" applyProtection="1">
      <alignment vertical="center"/>
    </xf>
    <xf numFmtId="0" fontId="7" fillId="0" borderId="53" xfId="2" applyFont="1" applyFill="1" applyBorder="1" applyAlignment="1" applyProtection="1">
      <alignment vertical="center"/>
    </xf>
    <xf numFmtId="0" fontId="7" fillId="0" borderId="54" xfId="2" applyFont="1" applyFill="1" applyBorder="1" applyAlignment="1" applyProtection="1">
      <alignment vertical="center"/>
    </xf>
    <xf numFmtId="0" fontId="7" fillId="0" borderId="55" xfId="2" applyFont="1" applyFill="1" applyBorder="1" applyAlignment="1" applyProtection="1">
      <alignment vertical="center"/>
    </xf>
    <xf numFmtId="176" fontId="7" fillId="0" borderId="56" xfId="2" applyNumberFormat="1" applyFont="1" applyFill="1" applyBorder="1" applyAlignment="1" applyProtection="1">
      <alignment vertical="center"/>
    </xf>
    <xf numFmtId="176" fontId="7" fillId="0" borderId="55" xfId="2" applyNumberFormat="1" applyFont="1" applyFill="1" applyBorder="1" applyAlignment="1" applyProtection="1">
      <alignment vertical="center"/>
    </xf>
    <xf numFmtId="176" fontId="7" fillId="0" borderId="57" xfId="2" applyNumberFormat="1" applyFont="1" applyFill="1" applyBorder="1" applyAlignment="1" applyProtection="1">
      <alignment vertical="center"/>
    </xf>
    <xf numFmtId="176" fontId="7" fillId="0" borderId="58" xfId="2" applyNumberFormat="1" applyFont="1" applyFill="1" applyBorder="1" applyAlignment="1" applyProtection="1">
      <alignment vertical="center"/>
    </xf>
    <xf numFmtId="176" fontId="7" fillId="0" borderId="59" xfId="2" applyNumberFormat="1" applyFont="1" applyFill="1" applyBorder="1" applyAlignment="1" applyProtection="1">
      <alignment vertical="center"/>
    </xf>
    <xf numFmtId="0" fontId="7" fillId="0" borderId="46" xfId="2" applyFont="1" applyFill="1" applyBorder="1" applyAlignment="1" applyProtection="1">
      <alignment vertical="center"/>
    </xf>
    <xf numFmtId="0" fontId="1" fillId="0" borderId="0" xfId="2" applyFont="1" applyFill="1" applyBorder="1" applyProtection="1">
      <protection locked="0"/>
    </xf>
    <xf numFmtId="0" fontId="7" fillId="0" borderId="1" xfId="2" applyFont="1" applyFill="1" applyBorder="1" applyAlignment="1" applyProtection="1">
      <alignment horizontal="center" vertical="center"/>
    </xf>
    <xf numFmtId="0" fontId="1" fillId="0" borderId="2" xfId="2" applyFont="1" applyFill="1" applyBorder="1" applyAlignment="1" applyProtection="1">
      <alignment horizontal="center" vertical="center"/>
    </xf>
    <xf numFmtId="0" fontId="1" fillId="0" borderId="8" xfId="2" applyFont="1" applyFill="1" applyBorder="1" applyAlignment="1" applyProtection="1">
      <alignment horizontal="center" vertical="center"/>
    </xf>
    <xf numFmtId="0" fontId="1" fillId="0" borderId="9" xfId="2" applyFont="1" applyFill="1" applyBorder="1" applyAlignment="1" applyProtection="1">
      <alignment horizontal="center" vertical="center"/>
    </xf>
    <xf numFmtId="0" fontId="7" fillId="0" borderId="2" xfId="2" applyFont="1" applyFill="1" applyBorder="1" applyAlignment="1" applyProtection="1">
      <alignment horizontal="center" vertical="center"/>
    </xf>
    <xf numFmtId="0" fontId="7" fillId="0" borderId="5" xfId="2" applyFont="1" applyFill="1" applyBorder="1" applyAlignment="1" applyProtection="1">
      <alignment horizontal="center" vertical="center"/>
    </xf>
    <xf numFmtId="0" fontId="1" fillId="0" borderId="12" xfId="2" applyFont="1" applyFill="1" applyBorder="1" applyAlignment="1" applyProtection="1">
      <alignment horizontal="center" vertical="center"/>
    </xf>
    <xf numFmtId="0" fontId="7" fillId="0" borderId="6" xfId="2" applyFont="1" applyFill="1" applyBorder="1" applyAlignment="1" applyProtection="1">
      <alignment horizontal="center" vertical="center"/>
    </xf>
    <xf numFmtId="0" fontId="1" fillId="0" borderId="14" xfId="2" applyFont="1" applyFill="1" applyBorder="1" applyAlignment="1" applyProtection="1">
      <alignment horizontal="center" vertical="center"/>
    </xf>
    <xf numFmtId="0" fontId="7" fillId="0" borderId="7" xfId="2" applyFont="1" applyFill="1" applyBorder="1" applyAlignment="1" applyProtection="1">
      <alignment horizontal="center" vertical="center"/>
    </xf>
    <xf numFmtId="0" fontId="1" fillId="0" borderId="15" xfId="2" applyFont="1" applyFill="1" applyBorder="1" applyAlignment="1" applyProtection="1">
      <alignment horizontal="center" vertical="center"/>
    </xf>
  </cellXfs>
  <cellStyles count="3">
    <cellStyle name="桁区切り 2" xfId="1"/>
    <cellStyle name="標準" xfId="0" builtinId="0"/>
    <cellStyle name="標準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9733;&#24066;&#21306;&#30010;&#26449;&#21029;&#12539;&#31995;&#32113;&#21029;&#12289;&#21253;&#25324;&#22243;&#20307;&#21029;&#23447;&#25945;&#27861;&#20154;&#25968;20240331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クエリー貼付先"/>
      <sheetName val="ピボットテーブル"/>
      <sheetName val="書式コピー用"/>
      <sheetName val="市町村別・系統別　宗教法人数"/>
      <sheetName val="市町村別PDF"/>
      <sheetName val="R宗派別集計"/>
      <sheetName val="包括団体別宗教法人数PDF"/>
      <sheetName val="やり方"/>
    </sheetNames>
    <sheetDataSet>
      <sheetData sheetId="0"/>
      <sheetData sheetId="1"/>
      <sheetData sheetId="2"/>
      <sheetData sheetId="3">
        <row r="4">
          <cell r="C4">
            <v>3736</v>
          </cell>
          <cell r="D4">
            <v>1234</v>
          </cell>
          <cell r="E4">
            <v>1133</v>
          </cell>
          <cell r="F4">
            <v>101</v>
          </cell>
          <cell r="G4">
            <v>1924</v>
          </cell>
          <cell r="H4">
            <v>1863</v>
          </cell>
          <cell r="I4">
            <v>61</v>
          </cell>
          <cell r="J4">
            <v>277</v>
          </cell>
          <cell r="K4">
            <v>301</v>
          </cell>
        </row>
        <row r="5">
          <cell r="C5">
            <v>1076</v>
          </cell>
          <cell r="D5">
            <v>310</v>
          </cell>
          <cell r="E5">
            <v>293</v>
          </cell>
          <cell r="F5">
            <v>17</v>
          </cell>
          <cell r="G5">
            <v>531</v>
          </cell>
          <cell r="H5">
            <v>500</v>
          </cell>
          <cell r="I5">
            <v>31</v>
          </cell>
          <cell r="J5">
            <v>108</v>
          </cell>
          <cell r="K5">
            <v>127</v>
          </cell>
        </row>
        <row r="6">
          <cell r="C6">
            <v>102</v>
          </cell>
          <cell r="D6">
            <v>37</v>
          </cell>
          <cell r="E6">
            <v>33</v>
          </cell>
          <cell r="F6">
            <v>4</v>
          </cell>
          <cell r="G6">
            <v>45</v>
          </cell>
          <cell r="H6">
            <v>44</v>
          </cell>
          <cell r="I6">
            <v>1</v>
          </cell>
          <cell r="J6">
            <v>5</v>
          </cell>
          <cell r="K6">
            <v>15</v>
          </cell>
        </row>
        <row r="7">
          <cell r="C7">
            <v>91</v>
          </cell>
          <cell r="D7">
            <v>19</v>
          </cell>
          <cell r="E7">
            <v>17</v>
          </cell>
          <cell r="F7">
            <v>2</v>
          </cell>
          <cell r="G7">
            <v>44</v>
          </cell>
          <cell r="H7">
            <v>42</v>
          </cell>
          <cell r="I7">
            <v>2</v>
          </cell>
          <cell r="J7">
            <v>11</v>
          </cell>
          <cell r="K7">
            <v>17</v>
          </cell>
        </row>
        <row r="8">
          <cell r="C8">
            <v>54</v>
          </cell>
          <cell r="D8">
            <v>6</v>
          </cell>
          <cell r="E8">
            <v>6</v>
          </cell>
          <cell r="F8">
            <v>0</v>
          </cell>
          <cell r="G8">
            <v>32</v>
          </cell>
          <cell r="H8">
            <v>23</v>
          </cell>
          <cell r="I8">
            <v>9</v>
          </cell>
          <cell r="J8">
            <v>8</v>
          </cell>
          <cell r="K8">
            <v>8</v>
          </cell>
        </row>
        <row r="9">
          <cell r="C9">
            <v>52</v>
          </cell>
          <cell r="D9">
            <v>11</v>
          </cell>
          <cell r="E9">
            <v>9</v>
          </cell>
          <cell r="F9">
            <v>2</v>
          </cell>
          <cell r="G9">
            <v>25</v>
          </cell>
          <cell r="H9">
            <v>20</v>
          </cell>
          <cell r="I9">
            <v>5</v>
          </cell>
          <cell r="J9">
            <v>13</v>
          </cell>
          <cell r="K9">
            <v>3</v>
          </cell>
        </row>
        <row r="10">
          <cell r="C10">
            <v>103</v>
          </cell>
          <cell r="D10">
            <v>14</v>
          </cell>
          <cell r="E10">
            <v>13</v>
          </cell>
          <cell r="F10">
            <v>1</v>
          </cell>
          <cell r="G10">
            <v>54</v>
          </cell>
          <cell r="H10">
            <v>47</v>
          </cell>
          <cell r="I10">
            <v>7</v>
          </cell>
          <cell r="J10">
            <v>7</v>
          </cell>
          <cell r="K10">
            <v>28</v>
          </cell>
        </row>
        <row r="11">
          <cell r="C11">
            <v>49</v>
          </cell>
          <cell r="D11">
            <v>8</v>
          </cell>
          <cell r="E11">
            <v>8</v>
          </cell>
          <cell r="F11">
            <v>0</v>
          </cell>
          <cell r="G11">
            <v>28</v>
          </cell>
          <cell r="H11">
            <v>28</v>
          </cell>
          <cell r="I11">
            <v>0</v>
          </cell>
          <cell r="J11">
            <v>7</v>
          </cell>
          <cell r="K11">
            <v>6</v>
          </cell>
        </row>
        <row r="12">
          <cell r="C12">
            <v>52</v>
          </cell>
          <cell r="D12">
            <v>16</v>
          </cell>
          <cell r="E12">
            <v>14</v>
          </cell>
          <cell r="F12">
            <v>2</v>
          </cell>
          <cell r="G12">
            <v>22</v>
          </cell>
          <cell r="H12">
            <v>20</v>
          </cell>
          <cell r="I12">
            <v>2</v>
          </cell>
          <cell r="J12">
            <v>6</v>
          </cell>
          <cell r="K12">
            <v>8</v>
          </cell>
        </row>
        <row r="13">
          <cell r="C13">
            <v>45</v>
          </cell>
          <cell r="D13">
            <v>16</v>
          </cell>
          <cell r="E13">
            <v>16</v>
          </cell>
          <cell r="F13">
            <v>0</v>
          </cell>
          <cell r="G13">
            <v>16</v>
          </cell>
          <cell r="H13">
            <v>16</v>
          </cell>
          <cell r="I13">
            <v>0</v>
          </cell>
          <cell r="J13">
            <v>6</v>
          </cell>
          <cell r="K13">
            <v>7</v>
          </cell>
        </row>
        <row r="14">
          <cell r="C14">
            <v>52</v>
          </cell>
          <cell r="D14">
            <v>15</v>
          </cell>
          <cell r="E14">
            <v>15</v>
          </cell>
          <cell r="F14">
            <v>0</v>
          </cell>
          <cell r="G14">
            <v>20</v>
          </cell>
          <cell r="H14">
            <v>20</v>
          </cell>
          <cell r="I14">
            <v>0</v>
          </cell>
          <cell r="J14">
            <v>12</v>
          </cell>
          <cell r="K14">
            <v>5</v>
          </cell>
        </row>
        <row r="15">
          <cell r="C15">
            <v>48</v>
          </cell>
          <cell r="D15">
            <v>11</v>
          </cell>
          <cell r="E15">
            <v>11</v>
          </cell>
          <cell r="F15">
            <v>0</v>
          </cell>
          <cell r="G15">
            <v>31</v>
          </cell>
          <cell r="H15">
            <v>30</v>
          </cell>
          <cell r="I15">
            <v>1</v>
          </cell>
          <cell r="J15">
            <v>4</v>
          </cell>
          <cell r="K15">
            <v>2</v>
          </cell>
        </row>
        <row r="16">
          <cell r="C16">
            <v>88</v>
          </cell>
          <cell r="D16">
            <v>25</v>
          </cell>
          <cell r="E16">
            <v>24</v>
          </cell>
          <cell r="F16">
            <v>1</v>
          </cell>
          <cell r="G16">
            <v>51</v>
          </cell>
          <cell r="H16">
            <v>49</v>
          </cell>
          <cell r="I16">
            <v>2</v>
          </cell>
          <cell r="J16">
            <v>5</v>
          </cell>
          <cell r="K16">
            <v>7</v>
          </cell>
        </row>
        <row r="17">
          <cell r="C17">
            <v>51</v>
          </cell>
          <cell r="D17">
            <v>16</v>
          </cell>
          <cell r="E17">
            <v>16</v>
          </cell>
          <cell r="F17">
            <v>0</v>
          </cell>
          <cell r="G17">
            <v>28</v>
          </cell>
          <cell r="H17">
            <v>28</v>
          </cell>
          <cell r="I17">
            <v>0</v>
          </cell>
          <cell r="J17">
            <v>5</v>
          </cell>
          <cell r="K17">
            <v>2</v>
          </cell>
        </row>
        <row r="18">
          <cell r="C18">
            <v>57</v>
          </cell>
          <cell r="D18">
            <v>25</v>
          </cell>
          <cell r="E18">
            <v>24</v>
          </cell>
          <cell r="F18">
            <v>1</v>
          </cell>
          <cell r="G18">
            <v>21</v>
          </cell>
          <cell r="H18">
            <v>21</v>
          </cell>
          <cell r="I18">
            <v>0</v>
          </cell>
          <cell r="J18">
            <v>6</v>
          </cell>
          <cell r="K18">
            <v>5</v>
          </cell>
        </row>
        <row r="19">
          <cell r="C19">
            <v>50</v>
          </cell>
          <cell r="D19">
            <v>12</v>
          </cell>
          <cell r="E19">
            <v>12</v>
          </cell>
          <cell r="F19">
            <v>0</v>
          </cell>
          <cell r="G19">
            <v>33</v>
          </cell>
          <cell r="H19">
            <v>33</v>
          </cell>
          <cell r="I19">
            <v>0</v>
          </cell>
          <cell r="J19">
            <v>3</v>
          </cell>
          <cell r="K19">
            <v>2</v>
          </cell>
        </row>
        <row r="20">
          <cell r="C20">
            <v>85</v>
          </cell>
          <cell r="D20">
            <v>34</v>
          </cell>
          <cell r="E20">
            <v>32</v>
          </cell>
          <cell r="F20">
            <v>2</v>
          </cell>
          <cell r="G20">
            <v>41</v>
          </cell>
          <cell r="H20">
            <v>40</v>
          </cell>
          <cell r="I20">
            <v>1</v>
          </cell>
          <cell r="J20">
            <v>5</v>
          </cell>
          <cell r="K20">
            <v>5</v>
          </cell>
        </row>
        <row r="21">
          <cell r="C21">
            <v>34</v>
          </cell>
          <cell r="D21">
            <v>16</v>
          </cell>
          <cell r="E21">
            <v>15</v>
          </cell>
          <cell r="F21">
            <v>1</v>
          </cell>
          <cell r="G21">
            <v>16</v>
          </cell>
          <cell r="H21">
            <v>15</v>
          </cell>
          <cell r="I21">
            <v>1</v>
          </cell>
          <cell r="J21">
            <v>0</v>
          </cell>
          <cell r="K21">
            <v>2</v>
          </cell>
        </row>
        <row r="22">
          <cell r="C22">
            <v>40</v>
          </cell>
          <cell r="D22">
            <v>21</v>
          </cell>
          <cell r="E22">
            <v>20</v>
          </cell>
          <cell r="F22">
            <v>1</v>
          </cell>
          <cell r="G22">
            <v>15</v>
          </cell>
          <cell r="H22">
            <v>15</v>
          </cell>
          <cell r="I22">
            <v>0</v>
          </cell>
          <cell r="J22">
            <v>3</v>
          </cell>
          <cell r="K22">
            <v>1</v>
          </cell>
        </row>
        <row r="23">
          <cell r="C23">
            <v>23</v>
          </cell>
          <cell r="D23">
            <v>8</v>
          </cell>
          <cell r="E23">
            <v>8</v>
          </cell>
          <cell r="F23">
            <v>0</v>
          </cell>
          <cell r="G23">
            <v>9</v>
          </cell>
          <cell r="H23">
            <v>9</v>
          </cell>
          <cell r="I23">
            <v>0</v>
          </cell>
          <cell r="J23">
            <v>2</v>
          </cell>
          <cell r="K23">
            <v>4</v>
          </cell>
        </row>
        <row r="24">
          <cell r="C24">
            <v>334</v>
          </cell>
          <cell r="D24">
            <v>104</v>
          </cell>
          <cell r="E24">
            <v>99</v>
          </cell>
          <cell r="F24">
            <v>5</v>
          </cell>
          <cell r="G24">
            <v>157</v>
          </cell>
          <cell r="H24">
            <v>150</v>
          </cell>
          <cell r="I24">
            <v>7</v>
          </cell>
          <cell r="J24">
            <v>35</v>
          </cell>
          <cell r="K24">
            <v>38</v>
          </cell>
        </row>
        <row r="25">
          <cell r="C25">
            <v>62</v>
          </cell>
          <cell r="D25">
            <v>16</v>
          </cell>
          <cell r="E25">
            <v>16</v>
          </cell>
          <cell r="F25">
            <v>0</v>
          </cell>
          <cell r="G25">
            <v>29</v>
          </cell>
          <cell r="H25">
            <v>27</v>
          </cell>
          <cell r="I25">
            <v>2</v>
          </cell>
          <cell r="J25">
            <v>7</v>
          </cell>
          <cell r="K25">
            <v>10</v>
          </cell>
        </row>
        <row r="26">
          <cell r="C26">
            <v>43</v>
          </cell>
          <cell r="D26">
            <v>15</v>
          </cell>
          <cell r="E26">
            <v>15</v>
          </cell>
          <cell r="F26">
            <v>0</v>
          </cell>
          <cell r="G26">
            <v>18</v>
          </cell>
          <cell r="H26">
            <v>17</v>
          </cell>
          <cell r="I26">
            <v>1</v>
          </cell>
          <cell r="J26">
            <v>4</v>
          </cell>
          <cell r="K26">
            <v>6</v>
          </cell>
        </row>
        <row r="27">
          <cell r="C27">
            <v>59</v>
          </cell>
          <cell r="D27">
            <v>20</v>
          </cell>
          <cell r="E27">
            <v>16</v>
          </cell>
          <cell r="F27">
            <v>4</v>
          </cell>
          <cell r="G27">
            <v>29</v>
          </cell>
          <cell r="H27">
            <v>27</v>
          </cell>
          <cell r="I27">
            <v>2</v>
          </cell>
          <cell r="J27">
            <v>4</v>
          </cell>
          <cell r="K27">
            <v>6</v>
          </cell>
        </row>
        <row r="28">
          <cell r="C28">
            <v>56</v>
          </cell>
          <cell r="D28">
            <v>20</v>
          </cell>
          <cell r="E28">
            <v>20</v>
          </cell>
          <cell r="F28">
            <v>0</v>
          </cell>
          <cell r="G28">
            <v>28</v>
          </cell>
          <cell r="H28">
            <v>27</v>
          </cell>
          <cell r="I28">
            <v>1</v>
          </cell>
          <cell r="J28">
            <v>5</v>
          </cell>
          <cell r="K28">
            <v>3</v>
          </cell>
        </row>
        <row r="29">
          <cell r="C29">
            <v>29</v>
          </cell>
          <cell r="D29">
            <v>7</v>
          </cell>
          <cell r="E29">
            <v>7</v>
          </cell>
          <cell r="F29">
            <v>0</v>
          </cell>
          <cell r="G29">
            <v>15</v>
          </cell>
          <cell r="H29">
            <v>14</v>
          </cell>
          <cell r="I29">
            <v>1</v>
          </cell>
          <cell r="J29">
            <v>2</v>
          </cell>
          <cell r="K29">
            <v>5</v>
          </cell>
        </row>
        <row r="30">
          <cell r="C30">
            <v>47</v>
          </cell>
          <cell r="D30">
            <v>13</v>
          </cell>
          <cell r="E30">
            <v>13</v>
          </cell>
          <cell r="F30">
            <v>0</v>
          </cell>
          <cell r="G30">
            <v>21</v>
          </cell>
          <cell r="H30">
            <v>21</v>
          </cell>
          <cell r="I30">
            <v>0</v>
          </cell>
          <cell r="J30">
            <v>9</v>
          </cell>
          <cell r="K30">
            <v>4</v>
          </cell>
        </row>
        <row r="31">
          <cell r="C31">
            <v>38</v>
          </cell>
          <cell r="D31">
            <v>13</v>
          </cell>
          <cell r="E31">
            <v>12</v>
          </cell>
          <cell r="F31">
            <v>1</v>
          </cell>
          <cell r="G31">
            <v>17</v>
          </cell>
          <cell r="H31">
            <v>17</v>
          </cell>
          <cell r="I31">
            <v>0</v>
          </cell>
          <cell r="J31">
            <v>4</v>
          </cell>
          <cell r="K31">
            <v>4</v>
          </cell>
        </row>
        <row r="32">
          <cell r="C32">
            <v>213</v>
          </cell>
          <cell r="D32">
            <v>88</v>
          </cell>
          <cell r="E32">
            <v>85</v>
          </cell>
          <cell r="F32">
            <v>3</v>
          </cell>
          <cell r="G32">
            <v>93</v>
          </cell>
          <cell r="H32">
            <v>93</v>
          </cell>
          <cell r="I32">
            <v>0</v>
          </cell>
          <cell r="J32">
            <v>17</v>
          </cell>
          <cell r="K32">
            <v>15</v>
          </cell>
        </row>
        <row r="33">
          <cell r="C33">
            <v>127</v>
          </cell>
          <cell r="D33">
            <v>55</v>
          </cell>
          <cell r="E33">
            <v>53</v>
          </cell>
          <cell r="F33">
            <v>2</v>
          </cell>
          <cell r="G33">
            <v>65</v>
          </cell>
          <cell r="H33">
            <v>65</v>
          </cell>
          <cell r="I33">
            <v>0</v>
          </cell>
          <cell r="J33">
            <v>3</v>
          </cell>
          <cell r="K33">
            <v>4</v>
          </cell>
        </row>
        <row r="34">
          <cell r="C34">
            <v>34</v>
          </cell>
          <cell r="D34">
            <v>9</v>
          </cell>
          <cell r="E34">
            <v>9</v>
          </cell>
          <cell r="F34">
            <v>0</v>
          </cell>
          <cell r="G34">
            <v>12</v>
          </cell>
          <cell r="H34">
            <v>12</v>
          </cell>
          <cell r="I34">
            <v>0</v>
          </cell>
          <cell r="J34">
            <v>6</v>
          </cell>
          <cell r="K34">
            <v>7</v>
          </cell>
        </row>
        <row r="35">
          <cell r="C35">
            <v>52</v>
          </cell>
          <cell r="D35">
            <v>24</v>
          </cell>
          <cell r="E35">
            <v>23</v>
          </cell>
          <cell r="F35">
            <v>1</v>
          </cell>
          <cell r="G35">
            <v>16</v>
          </cell>
          <cell r="H35">
            <v>16</v>
          </cell>
          <cell r="I35">
            <v>0</v>
          </cell>
          <cell r="J35">
            <v>8</v>
          </cell>
          <cell r="K35">
            <v>4</v>
          </cell>
        </row>
        <row r="36">
          <cell r="C36">
            <v>236</v>
          </cell>
          <cell r="D36">
            <v>62</v>
          </cell>
          <cell r="E36">
            <v>55</v>
          </cell>
          <cell r="F36">
            <v>7</v>
          </cell>
          <cell r="G36">
            <v>127</v>
          </cell>
          <cell r="H36">
            <v>120</v>
          </cell>
          <cell r="I36">
            <v>7</v>
          </cell>
          <cell r="J36">
            <v>16</v>
          </cell>
          <cell r="K36">
            <v>31</v>
          </cell>
        </row>
        <row r="37">
          <cell r="C37">
            <v>174</v>
          </cell>
          <cell r="D37">
            <v>54</v>
          </cell>
          <cell r="E37">
            <v>53</v>
          </cell>
          <cell r="F37">
            <v>1</v>
          </cell>
          <cell r="G37">
            <v>100</v>
          </cell>
          <cell r="H37">
            <v>100</v>
          </cell>
          <cell r="I37">
            <v>0</v>
          </cell>
          <cell r="J37">
            <v>11</v>
          </cell>
          <cell r="K37">
            <v>9</v>
          </cell>
        </row>
        <row r="38">
          <cell r="C38">
            <v>176</v>
          </cell>
          <cell r="D38">
            <v>44</v>
          </cell>
          <cell r="E38">
            <v>41</v>
          </cell>
          <cell r="F38">
            <v>3</v>
          </cell>
          <cell r="G38">
            <v>121</v>
          </cell>
          <cell r="H38">
            <v>120</v>
          </cell>
          <cell r="I38">
            <v>1</v>
          </cell>
          <cell r="J38">
            <v>9</v>
          </cell>
          <cell r="K38">
            <v>2</v>
          </cell>
        </row>
        <row r="39">
          <cell r="C39">
            <v>144</v>
          </cell>
          <cell r="D39">
            <v>58</v>
          </cell>
          <cell r="E39">
            <v>55</v>
          </cell>
          <cell r="F39">
            <v>3</v>
          </cell>
          <cell r="G39">
            <v>63</v>
          </cell>
          <cell r="H39">
            <v>62</v>
          </cell>
          <cell r="I39">
            <v>1</v>
          </cell>
          <cell r="J39">
            <v>17</v>
          </cell>
          <cell r="K39">
            <v>6</v>
          </cell>
        </row>
        <row r="40">
          <cell r="C40">
            <v>256</v>
          </cell>
          <cell r="D40">
            <v>63</v>
          </cell>
          <cell r="E40">
            <v>59</v>
          </cell>
          <cell r="F40">
            <v>4</v>
          </cell>
          <cell r="G40">
            <v>170</v>
          </cell>
          <cell r="H40">
            <v>167</v>
          </cell>
          <cell r="I40">
            <v>3</v>
          </cell>
          <cell r="J40">
            <v>9</v>
          </cell>
          <cell r="K40">
            <v>14</v>
          </cell>
        </row>
        <row r="41">
          <cell r="C41">
            <v>92</v>
          </cell>
          <cell r="D41">
            <v>31</v>
          </cell>
          <cell r="E41">
            <v>31</v>
          </cell>
          <cell r="F41">
            <v>0</v>
          </cell>
          <cell r="G41">
            <v>43</v>
          </cell>
          <cell r="H41">
            <v>43</v>
          </cell>
          <cell r="I41">
            <v>0</v>
          </cell>
          <cell r="J41">
            <v>11</v>
          </cell>
          <cell r="K41">
            <v>7</v>
          </cell>
        </row>
        <row r="42">
          <cell r="C42">
            <v>35</v>
          </cell>
          <cell r="D42">
            <v>9</v>
          </cell>
          <cell r="E42">
            <v>8</v>
          </cell>
          <cell r="F42">
            <v>1</v>
          </cell>
          <cell r="G42">
            <v>20</v>
          </cell>
          <cell r="H42">
            <v>19</v>
          </cell>
          <cell r="I42">
            <v>1</v>
          </cell>
          <cell r="J42">
            <v>3</v>
          </cell>
          <cell r="K42">
            <v>3</v>
          </cell>
        </row>
        <row r="43">
          <cell r="C43">
            <v>66</v>
          </cell>
          <cell r="D43">
            <v>18</v>
          </cell>
          <cell r="E43">
            <v>18</v>
          </cell>
          <cell r="F43">
            <v>0</v>
          </cell>
          <cell r="G43">
            <v>42</v>
          </cell>
          <cell r="H43">
            <v>38</v>
          </cell>
          <cell r="I43">
            <v>4</v>
          </cell>
          <cell r="J43">
            <v>2</v>
          </cell>
          <cell r="K43">
            <v>4</v>
          </cell>
        </row>
        <row r="44">
          <cell r="C44">
            <v>110</v>
          </cell>
          <cell r="D44">
            <v>50</v>
          </cell>
          <cell r="E44">
            <v>45</v>
          </cell>
          <cell r="F44">
            <v>5</v>
          </cell>
          <cell r="G44">
            <v>52</v>
          </cell>
          <cell r="H44">
            <v>52</v>
          </cell>
          <cell r="I44">
            <v>0</v>
          </cell>
          <cell r="J44">
            <v>4</v>
          </cell>
          <cell r="K44">
            <v>4</v>
          </cell>
        </row>
        <row r="45">
          <cell r="C45">
            <v>138</v>
          </cell>
          <cell r="D45">
            <v>57</v>
          </cell>
          <cell r="E45">
            <v>57</v>
          </cell>
          <cell r="F45">
            <v>0</v>
          </cell>
          <cell r="G45">
            <v>70</v>
          </cell>
          <cell r="H45">
            <v>69</v>
          </cell>
          <cell r="I45">
            <v>1</v>
          </cell>
          <cell r="J45">
            <v>6</v>
          </cell>
          <cell r="K45">
            <v>5</v>
          </cell>
        </row>
        <row r="46">
          <cell r="C46">
            <v>39</v>
          </cell>
          <cell r="D46">
            <v>15</v>
          </cell>
          <cell r="E46">
            <v>14</v>
          </cell>
          <cell r="F46">
            <v>1</v>
          </cell>
          <cell r="G46">
            <v>13</v>
          </cell>
          <cell r="H46">
            <v>13</v>
          </cell>
          <cell r="I46">
            <v>0</v>
          </cell>
          <cell r="J46">
            <v>6</v>
          </cell>
          <cell r="K46">
            <v>5</v>
          </cell>
        </row>
        <row r="47">
          <cell r="C47">
            <v>168</v>
          </cell>
          <cell r="D47">
            <v>92</v>
          </cell>
          <cell r="E47">
            <v>44</v>
          </cell>
          <cell r="F47">
            <v>48</v>
          </cell>
          <cell r="G47">
            <v>71</v>
          </cell>
          <cell r="H47">
            <v>70</v>
          </cell>
          <cell r="I47">
            <v>1</v>
          </cell>
          <cell r="J47">
            <v>3</v>
          </cell>
          <cell r="K47">
            <v>2</v>
          </cell>
        </row>
        <row r="48">
          <cell r="C48">
            <v>50</v>
          </cell>
          <cell r="D48">
            <v>14</v>
          </cell>
          <cell r="E48">
            <v>14</v>
          </cell>
          <cell r="F48">
            <v>0</v>
          </cell>
          <cell r="G48">
            <v>31</v>
          </cell>
          <cell r="H48">
            <v>31</v>
          </cell>
          <cell r="I48">
            <v>0</v>
          </cell>
          <cell r="J48">
            <v>4</v>
          </cell>
          <cell r="K48">
            <v>1</v>
          </cell>
        </row>
        <row r="49">
          <cell r="C49">
            <v>19</v>
          </cell>
          <cell r="D49">
            <v>6</v>
          </cell>
          <cell r="E49">
            <v>6</v>
          </cell>
          <cell r="F49">
            <v>0</v>
          </cell>
          <cell r="G49">
            <v>10</v>
          </cell>
          <cell r="H49">
            <v>10</v>
          </cell>
          <cell r="I49">
            <v>0</v>
          </cell>
          <cell r="J49">
            <v>0</v>
          </cell>
          <cell r="K49">
            <v>3</v>
          </cell>
        </row>
        <row r="50">
          <cell r="C50">
            <v>50</v>
          </cell>
          <cell r="D50">
            <v>13</v>
          </cell>
          <cell r="E50">
            <v>13</v>
          </cell>
          <cell r="F50">
            <v>0</v>
          </cell>
          <cell r="G50">
            <v>34</v>
          </cell>
          <cell r="H50">
            <v>34</v>
          </cell>
          <cell r="I50">
            <v>0</v>
          </cell>
          <cell r="J50">
            <v>0</v>
          </cell>
          <cell r="K50">
            <v>3</v>
          </cell>
        </row>
        <row r="51">
          <cell r="C51">
            <v>22</v>
          </cell>
          <cell r="D51">
            <v>8</v>
          </cell>
          <cell r="E51">
            <v>8</v>
          </cell>
          <cell r="F51">
            <v>0</v>
          </cell>
          <cell r="G51">
            <v>9</v>
          </cell>
          <cell r="H51">
            <v>9</v>
          </cell>
          <cell r="I51">
            <v>0</v>
          </cell>
          <cell r="J51">
            <v>2</v>
          </cell>
          <cell r="K51">
            <v>3</v>
          </cell>
        </row>
        <row r="52">
          <cell r="C52">
            <v>27</v>
          </cell>
          <cell r="D52">
            <v>8</v>
          </cell>
          <cell r="E52">
            <v>8</v>
          </cell>
          <cell r="F52">
            <v>0</v>
          </cell>
          <cell r="G52">
            <v>17</v>
          </cell>
          <cell r="H52">
            <v>17</v>
          </cell>
          <cell r="I52">
            <v>0</v>
          </cell>
          <cell r="J52">
            <v>1</v>
          </cell>
          <cell r="K52">
            <v>1</v>
          </cell>
        </row>
        <row r="53">
          <cell r="C53">
            <v>20</v>
          </cell>
          <cell r="D53">
            <v>7</v>
          </cell>
          <cell r="E53">
            <v>7</v>
          </cell>
          <cell r="F53">
            <v>0</v>
          </cell>
          <cell r="G53">
            <v>12</v>
          </cell>
          <cell r="H53">
            <v>12</v>
          </cell>
          <cell r="I53">
            <v>0</v>
          </cell>
          <cell r="J53">
            <v>0</v>
          </cell>
          <cell r="K53">
            <v>1</v>
          </cell>
        </row>
        <row r="54">
          <cell r="C54">
            <v>57</v>
          </cell>
          <cell r="D54">
            <v>27</v>
          </cell>
          <cell r="E54">
            <v>25</v>
          </cell>
          <cell r="F54">
            <v>2</v>
          </cell>
          <cell r="G54">
            <v>24</v>
          </cell>
          <cell r="H54">
            <v>23</v>
          </cell>
          <cell r="I54">
            <v>1</v>
          </cell>
          <cell r="J54">
            <v>3</v>
          </cell>
          <cell r="K54">
            <v>3</v>
          </cell>
        </row>
        <row r="55">
          <cell r="C55">
            <v>34</v>
          </cell>
          <cell r="D55">
            <v>16</v>
          </cell>
          <cell r="E55">
            <v>16</v>
          </cell>
          <cell r="F55">
            <v>0</v>
          </cell>
          <cell r="G55">
            <v>13</v>
          </cell>
          <cell r="H55">
            <v>13</v>
          </cell>
          <cell r="I55">
            <v>0</v>
          </cell>
          <cell r="J55">
            <v>2</v>
          </cell>
          <cell r="K55">
            <v>3</v>
          </cell>
        </row>
        <row r="56">
          <cell r="C56">
            <v>23</v>
          </cell>
          <cell r="D56">
            <v>13</v>
          </cell>
          <cell r="E56">
            <v>13</v>
          </cell>
          <cell r="F56">
            <v>0</v>
          </cell>
          <cell r="G56">
            <v>8</v>
          </cell>
          <cell r="H56">
            <v>8</v>
          </cell>
          <cell r="I56">
            <v>0</v>
          </cell>
          <cell r="J56">
            <v>2</v>
          </cell>
          <cell r="K56">
            <v>0</v>
          </cell>
        </row>
        <row r="57">
          <cell r="C57">
            <v>25</v>
          </cell>
          <cell r="D57">
            <v>12</v>
          </cell>
          <cell r="E57">
            <v>12</v>
          </cell>
          <cell r="F57">
            <v>0</v>
          </cell>
          <cell r="G57">
            <v>12</v>
          </cell>
          <cell r="H57">
            <v>11</v>
          </cell>
          <cell r="I57">
            <v>1</v>
          </cell>
          <cell r="J57">
            <v>0</v>
          </cell>
          <cell r="K57">
            <v>1</v>
          </cell>
        </row>
        <row r="58">
          <cell r="C58">
            <v>12</v>
          </cell>
          <cell r="D58">
            <v>3</v>
          </cell>
          <cell r="E58">
            <v>3</v>
          </cell>
          <cell r="F58">
            <v>0</v>
          </cell>
          <cell r="G58">
            <v>6</v>
          </cell>
          <cell r="H58">
            <v>6</v>
          </cell>
          <cell r="I58">
            <v>0</v>
          </cell>
          <cell r="J58">
            <v>1</v>
          </cell>
          <cell r="K58">
            <v>2</v>
          </cell>
        </row>
        <row r="59">
          <cell r="C59">
            <v>33</v>
          </cell>
          <cell r="D59">
            <v>13</v>
          </cell>
          <cell r="E59">
            <v>13</v>
          </cell>
          <cell r="F59">
            <v>0</v>
          </cell>
          <cell r="G59">
            <v>18</v>
          </cell>
          <cell r="H59">
            <v>18</v>
          </cell>
          <cell r="I59">
            <v>0</v>
          </cell>
          <cell r="J59">
            <v>1</v>
          </cell>
          <cell r="K59">
            <v>1</v>
          </cell>
        </row>
        <row r="60">
          <cell r="C60">
            <v>9</v>
          </cell>
          <cell r="D60">
            <v>2</v>
          </cell>
          <cell r="E60">
            <v>2</v>
          </cell>
          <cell r="F60">
            <v>0</v>
          </cell>
          <cell r="G60">
            <v>7</v>
          </cell>
          <cell r="H60">
            <v>7</v>
          </cell>
          <cell r="I60">
            <v>0</v>
          </cell>
          <cell r="J60">
            <v>0</v>
          </cell>
          <cell r="K60">
            <v>0</v>
          </cell>
        </row>
        <row r="61">
          <cell r="C61">
            <v>33</v>
          </cell>
          <cell r="D61">
            <v>13</v>
          </cell>
          <cell r="E61">
            <v>13</v>
          </cell>
          <cell r="F61">
            <v>0</v>
          </cell>
          <cell r="G61">
            <v>17</v>
          </cell>
          <cell r="H61">
            <v>17</v>
          </cell>
          <cell r="I61">
            <v>0</v>
          </cell>
          <cell r="J61">
            <v>1</v>
          </cell>
          <cell r="K61">
            <v>2</v>
          </cell>
        </row>
        <row r="62">
          <cell r="C62">
            <v>9</v>
          </cell>
          <cell r="D62">
            <v>2</v>
          </cell>
          <cell r="E62">
            <v>2</v>
          </cell>
          <cell r="F62">
            <v>0</v>
          </cell>
          <cell r="G62">
            <v>5</v>
          </cell>
          <cell r="H62">
            <v>5</v>
          </cell>
          <cell r="I62">
            <v>0</v>
          </cell>
          <cell r="J62">
            <v>0</v>
          </cell>
          <cell r="K62">
            <v>2</v>
          </cell>
        </row>
        <row r="63">
          <cell r="C63">
            <v>22</v>
          </cell>
          <cell r="D63">
            <v>9</v>
          </cell>
          <cell r="E63">
            <v>8</v>
          </cell>
          <cell r="F63">
            <v>1</v>
          </cell>
          <cell r="G63">
            <v>11</v>
          </cell>
          <cell r="H63">
            <v>10</v>
          </cell>
          <cell r="I63">
            <v>1</v>
          </cell>
          <cell r="J63">
            <v>1</v>
          </cell>
          <cell r="K63">
            <v>1</v>
          </cell>
        </row>
        <row r="64">
          <cell r="C64">
            <v>29</v>
          </cell>
          <cell r="D64">
            <v>11</v>
          </cell>
          <cell r="E64">
            <v>11</v>
          </cell>
          <cell r="F64">
            <v>0</v>
          </cell>
          <cell r="G64">
            <v>14</v>
          </cell>
          <cell r="H64">
            <v>13</v>
          </cell>
          <cell r="I64">
            <v>1</v>
          </cell>
          <cell r="J64">
            <v>2</v>
          </cell>
          <cell r="K64">
            <v>2</v>
          </cell>
        </row>
        <row r="65">
          <cell r="C65">
            <v>5</v>
          </cell>
          <cell r="D65">
            <v>2</v>
          </cell>
          <cell r="E65">
            <v>2</v>
          </cell>
          <cell r="F65">
            <v>0</v>
          </cell>
          <cell r="G65">
            <v>3</v>
          </cell>
          <cell r="H65">
            <v>3</v>
          </cell>
          <cell r="I65">
            <v>0</v>
          </cell>
          <cell r="J65">
            <v>0</v>
          </cell>
          <cell r="K65">
            <v>0</v>
          </cell>
        </row>
      </sheetData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-0.249977111117893"/>
  </sheetPr>
  <dimension ref="A1:CF115"/>
  <sheetViews>
    <sheetView tabSelected="1" zoomScaleNormal="100" zoomScaleSheetLayoutView="115" workbookViewId="0">
      <pane ySplit="4" topLeftCell="A5" activePane="bottomLeft" state="frozen"/>
      <selection pane="bottomLeft" activeCell="B1" sqref="B1"/>
    </sheetView>
  </sheetViews>
  <sheetFormatPr defaultColWidth="9" defaultRowHeight="13.2" x14ac:dyDescent="0.2"/>
  <cols>
    <col min="1" max="1" width="1.5" style="10" customWidth="1"/>
    <col min="2" max="2" width="11.59765625" style="10" customWidth="1"/>
    <col min="3" max="4" width="8.59765625" style="10" customWidth="1"/>
    <col min="5" max="6" width="7.59765625" style="10" customWidth="1"/>
    <col min="7" max="7" width="8.59765625" style="10" customWidth="1"/>
    <col min="8" max="9" width="7.59765625" style="10" customWidth="1"/>
    <col min="10" max="11" width="8.59765625" style="10" customWidth="1"/>
    <col min="12" max="16384" width="9" style="10"/>
  </cols>
  <sheetData>
    <row r="1" spans="1:84" s="6" customFormat="1" ht="23.25" customHeight="1" thickBot="1" x14ac:dyDescent="0.2">
      <c r="A1" s="1" t="s">
        <v>0</v>
      </c>
      <c r="B1" s="2"/>
      <c r="C1" s="3"/>
      <c r="D1" s="2"/>
      <c r="E1" s="2"/>
      <c r="F1" s="2"/>
      <c r="G1" s="2"/>
      <c r="H1" s="2"/>
      <c r="I1" s="2"/>
      <c r="J1" s="2"/>
      <c r="K1" s="2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5"/>
      <c r="AF1" s="5"/>
      <c r="AG1" s="5"/>
      <c r="AH1" s="5"/>
      <c r="AI1" s="5"/>
      <c r="AJ1" s="5"/>
      <c r="AK1" s="5"/>
      <c r="AL1" s="5"/>
      <c r="AM1" s="5"/>
      <c r="AN1" s="5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5"/>
      <c r="BM1" s="5"/>
      <c r="BN1" s="5"/>
      <c r="BO1" s="5"/>
      <c r="BP1" s="5"/>
      <c r="BQ1" s="5"/>
      <c r="BR1" s="5"/>
      <c r="BS1" s="5"/>
      <c r="BT1" s="5"/>
      <c r="BU1" s="5"/>
      <c r="BV1" s="5"/>
      <c r="BW1" s="5"/>
      <c r="BX1" s="5"/>
      <c r="BY1" s="5"/>
      <c r="BZ1" s="5"/>
      <c r="CA1" s="5"/>
      <c r="CB1" s="5"/>
      <c r="CC1" s="5"/>
      <c r="CD1" s="5"/>
      <c r="CE1" s="5"/>
      <c r="CF1" s="5"/>
    </row>
    <row r="2" spans="1:84" ht="19.5" customHeight="1" x14ac:dyDescent="0.2">
      <c r="A2" s="70" t="s">
        <v>1</v>
      </c>
      <c r="B2" s="71"/>
      <c r="C2" s="7" t="s">
        <v>2</v>
      </c>
      <c r="D2" s="74" t="s">
        <v>3</v>
      </c>
      <c r="E2" s="8"/>
      <c r="F2" s="9"/>
      <c r="G2" s="75" t="s">
        <v>4</v>
      </c>
      <c r="H2" s="8"/>
      <c r="I2" s="9"/>
      <c r="J2" s="77" t="s">
        <v>5</v>
      </c>
      <c r="K2" s="79" t="s">
        <v>6</v>
      </c>
    </row>
    <row r="3" spans="1:84" ht="19.5" customHeight="1" thickBot="1" x14ac:dyDescent="0.25">
      <c r="A3" s="72"/>
      <c r="B3" s="73"/>
      <c r="C3" s="11" t="s">
        <v>7</v>
      </c>
      <c r="D3" s="73"/>
      <c r="E3" s="12" t="s">
        <v>8</v>
      </c>
      <c r="F3" s="12" t="s">
        <v>9</v>
      </c>
      <c r="G3" s="76"/>
      <c r="H3" s="13" t="s">
        <v>10</v>
      </c>
      <c r="I3" s="12" t="s">
        <v>11</v>
      </c>
      <c r="J3" s="78"/>
      <c r="K3" s="80"/>
    </row>
    <row r="4" spans="1:84" ht="24" customHeight="1" x14ac:dyDescent="0.2">
      <c r="A4" s="14" t="s">
        <v>12</v>
      </c>
      <c r="B4" s="15"/>
      <c r="C4" s="16">
        <f>'[1]市町村別・系統別　宗教法人数'!C4</f>
        <v>3736</v>
      </c>
      <c r="D4" s="17">
        <f>'[1]市町村別・系統別　宗教法人数'!D4</f>
        <v>1234</v>
      </c>
      <c r="E4" s="18">
        <f>'[1]市町村別・系統別　宗教法人数'!E4</f>
        <v>1133</v>
      </c>
      <c r="F4" s="18">
        <f>'[1]市町村別・系統別　宗教法人数'!F4</f>
        <v>101</v>
      </c>
      <c r="G4" s="18">
        <f>'[1]市町村別・系統別　宗教法人数'!G4</f>
        <v>1924</v>
      </c>
      <c r="H4" s="19">
        <f>'[1]市町村別・系統別　宗教法人数'!H4</f>
        <v>1863</v>
      </c>
      <c r="I4" s="18">
        <f>'[1]市町村別・系統別　宗教法人数'!I4</f>
        <v>61</v>
      </c>
      <c r="J4" s="19">
        <f>'[1]市町村別・系統別　宗教法人数'!J4</f>
        <v>277</v>
      </c>
      <c r="K4" s="20">
        <f>'[1]市町村別・系統別　宗教法人数'!K4</f>
        <v>301</v>
      </c>
    </row>
    <row r="5" spans="1:84" ht="24" customHeight="1" x14ac:dyDescent="0.2">
      <c r="A5" s="21" t="s">
        <v>13</v>
      </c>
      <c r="B5" s="22"/>
      <c r="C5" s="23">
        <f>'[1]市町村別・系統別　宗教法人数'!C5</f>
        <v>1076</v>
      </c>
      <c r="D5" s="24">
        <f>'[1]市町村別・系統別　宗教法人数'!D5</f>
        <v>310</v>
      </c>
      <c r="E5" s="25">
        <f>'[1]市町村別・系統別　宗教法人数'!E5</f>
        <v>293</v>
      </c>
      <c r="F5" s="25">
        <f>'[1]市町村別・系統別　宗教法人数'!F5</f>
        <v>17</v>
      </c>
      <c r="G5" s="25">
        <f>'[1]市町村別・系統別　宗教法人数'!G5</f>
        <v>531</v>
      </c>
      <c r="H5" s="26">
        <f>'[1]市町村別・系統別　宗教法人数'!H5</f>
        <v>500</v>
      </c>
      <c r="I5" s="25">
        <f>'[1]市町村別・系統別　宗教法人数'!I5</f>
        <v>31</v>
      </c>
      <c r="J5" s="26">
        <f>'[1]市町村別・系統別　宗教法人数'!J5</f>
        <v>108</v>
      </c>
      <c r="K5" s="27">
        <f>'[1]市町村別・系統別　宗教法人数'!K5</f>
        <v>127</v>
      </c>
    </row>
    <row r="6" spans="1:84" ht="24" customHeight="1" x14ac:dyDescent="0.2">
      <c r="A6" s="28"/>
      <c r="B6" s="29" t="s">
        <v>14</v>
      </c>
      <c r="C6" s="30">
        <f>'[1]市町村別・系統別　宗教法人数'!C6</f>
        <v>102</v>
      </c>
      <c r="D6" s="31">
        <f>'[1]市町村別・系統別　宗教法人数'!D6</f>
        <v>37</v>
      </c>
      <c r="E6" s="32">
        <f>'[1]市町村別・系統別　宗教法人数'!E6</f>
        <v>33</v>
      </c>
      <c r="F6" s="32">
        <f>'[1]市町村別・系統別　宗教法人数'!F6</f>
        <v>4</v>
      </c>
      <c r="G6" s="32">
        <f>'[1]市町村別・系統別　宗教法人数'!G6</f>
        <v>45</v>
      </c>
      <c r="H6" s="33">
        <f>'[1]市町村別・系統別　宗教法人数'!H6</f>
        <v>44</v>
      </c>
      <c r="I6" s="32">
        <f>'[1]市町村別・系統別　宗教法人数'!I6</f>
        <v>1</v>
      </c>
      <c r="J6" s="33">
        <f>'[1]市町村別・系統別　宗教法人数'!J6</f>
        <v>5</v>
      </c>
      <c r="K6" s="34">
        <f>'[1]市町村別・系統別　宗教法人数'!K6</f>
        <v>15</v>
      </c>
    </row>
    <row r="7" spans="1:84" ht="24" customHeight="1" x14ac:dyDescent="0.2">
      <c r="A7" s="28"/>
      <c r="B7" s="29" t="s">
        <v>15</v>
      </c>
      <c r="C7" s="30">
        <f>'[1]市町村別・系統別　宗教法人数'!C7</f>
        <v>91</v>
      </c>
      <c r="D7" s="31">
        <f>'[1]市町村別・系統別　宗教法人数'!D7</f>
        <v>19</v>
      </c>
      <c r="E7" s="32">
        <f>'[1]市町村別・系統別　宗教法人数'!E7</f>
        <v>17</v>
      </c>
      <c r="F7" s="32">
        <f>'[1]市町村別・系統別　宗教法人数'!F7</f>
        <v>2</v>
      </c>
      <c r="G7" s="32">
        <f>'[1]市町村別・系統別　宗教法人数'!G7</f>
        <v>44</v>
      </c>
      <c r="H7" s="33">
        <f>'[1]市町村別・系統別　宗教法人数'!H7</f>
        <v>42</v>
      </c>
      <c r="I7" s="32">
        <f>'[1]市町村別・系統別　宗教法人数'!I7</f>
        <v>2</v>
      </c>
      <c r="J7" s="33">
        <f>'[1]市町村別・系統別　宗教法人数'!J7</f>
        <v>11</v>
      </c>
      <c r="K7" s="34">
        <f>'[1]市町村別・系統別　宗教法人数'!K7</f>
        <v>17</v>
      </c>
    </row>
    <row r="8" spans="1:84" ht="24" customHeight="1" x14ac:dyDescent="0.2">
      <c r="A8" s="28"/>
      <c r="B8" s="29" t="s">
        <v>16</v>
      </c>
      <c r="C8" s="30">
        <f>'[1]市町村別・系統別　宗教法人数'!C8</f>
        <v>54</v>
      </c>
      <c r="D8" s="31">
        <f>'[1]市町村別・系統別　宗教法人数'!D8</f>
        <v>6</v>
      </c>
      <c r="E8" s="32">
        <f>'[1]市町村別・系統別　宗教法人数'!E8</f>
        <v>6</v>
      </c>
      <c r="F8" s="32">
        <f>'[1]市町村別・系統別　宗教法人数'!F8</f>
        <v>0</v>
      </c>
      <c r="G8" s="32">
        <f>'[1]市町村別・系統別　宗教法人数'!G8</f>
        <v>32</v>
      </c>
      <c r="H8" s="33">
        <f>'[1]市町村別・系統別　宗教法人数'!H8</f>
        <v>23</v>
      </c>
      <c r="I8" s="32">
        <f>'[1]市町村別・系統別　宗教法人数'!I8</f>
        <v>9</v>
      </c>
      <c r="J8" s="33">
        <f>'[1]市町村別・系統別　宗教法人数'!J8</f>
        <v>8</v>
      </c>
      <c r="K8" s="34">
        <f>'[1]市町村別・系統別　宗教法人数'!K8</f>
        <v>8</v>
      </c>
    </row>
    <row r="9" spans="1:84" ht="24" customHeight="1" x14ac:dyDescent="0.2">
      <c r="A9" s="28"/>
      <c r="B9" s="29" t="s">
        <v>17</v>
      </c>
      <c r="C9" s="30">
        <f>'[1]市町村別・系統別　宗教法人数'!C9</f>
        <v>52</v>
      </c>
      <c r="D9" s="31">
        <f>'[1]市町村別・系統別　宗教法人数'!D9</f>
        <v>11</v>
      </c>
      <c r="E9" s="32">
        <f>'[1]市町村別・系統別　宗教法人数'!E9</f>
        <v>9</v>
      </c>
      <c r="F9" s="32">
        <f>'[1]市町村別・系統別　宗教法人数'!F9</f>
        <v>2</v>
      </c>
      <c r="G9" s="32">
        <f>'[1]市町村別・系統別　宗教法人数'!G9</f>
        <v>25</v>
      </c>
      <c r="H9" s="33">
        <f>'[1]市町村別・系統別　宗教法人数'!H9</f>
        <v>20</v>
      </c>
      <c r="I9" s="32">
        <f>'[1]市町村別・系統別　宗教法人数'!I9</f>
        <v>5</v>
      </c>
      <c r="J9" s="33">
        <f>'[1]市町村別・系統別　宗教法人数'!J9</f>
        <v>13</v>
      </c>
      <c r="K9" s="34">
        <f>'[1]市町村別・系統別　宗教法人数'!K9</f>
        <v>3</v>
      </c>
    </row>
    <row r="10" spans="1:84" ht="24" customHeight="1" x14ac:dyDescent="0.2">
      <c r="A10" s="28"/>
      <c r="B10" s="29" t="s">
        <v>18</v>
      </c>
      <c r="C10" s="30">
        <f>'[1]市町村別・系統別　宗教法人数'!C10</f>
        <v>103</v>
      </c>
      <c r="D10" s="31">
        <f>'[1]市町村別・系統別　宗教法人数'!D10</f>
        <v>14</v>
      </c>
      <c r="E10" s="32">
        <f>'[1]市町村別・系統別　宗教法人数'!E10</f>
        <v>13</v>
      </c>
      <c r="F10" s="32">
        <f>'[1]市町村別・系統別　宗教法人数'!F10</f>
        <v>1</v>
      </c>
      <c r="G10" s="32">
        <f>'[1]市町村別・系統別　宗教法人数'!G10</f>
        <v>54</v>
      </c>
      <c r="H10" s="33">
        <f>'[1]市町村別・系統別　宗教法人数'!H10</f>
        <v>47</v>
      </c>
      <c r="I10" s="32">
        <f>'[1]市町村別・系統別　宗教法人数'!I10</f>
        <v>7</v>
      </c>
      <c r="J10" s="33">
        <f>'[1]市町村別・系統別　宗教法人数'!J10</f>
        <v>7</v>
      </c>
      <c r="K10" s="34">
        <f>'[1]市町村別・系統別　宗教法人数'!K10</f>
        <v>28</v>
      </c>
    </row>
    <row r="11" spans="1:84" ht="24" customHeight="1" x14ac:dyDescent="0.2">
      <c r="A11" s="28"/>
      <c r="B11" s="29" t="s">
        <v>19</v>
      </c>
      <c r="C11" s="30">
        <f>'[1]市町村別・系統別　宗教法人数'!C11</f>
        <v>49</v>
      </c>
      <c r="D11" s="31">
        <f>'[1]市町村別・系統別　宗教法人数'!D11</f>
        <v>8</v>
      </c>
      <c r="E11" s="32">
        <f>'[1]市町村別・系統別　宗教法人数'!E11</f>
        <v>8</v>
      </c>
      <c r="F11" s="32">
        <f>'[1]市町村別・系統別　宗教法人数'!F11</f>
        <v>0</v>
      </c>
      <c r="G11" s="32">
        <f>'[1]市町村別・系統別　宗教法人数'!G11</f>
        <v>28</v>
      </c>
      <c r="H11" s="33">
        <f>'[1]市町村別・系統別　宗教法人数'!H11</f>
        <v>28</v>
      </c>
      <c r="I11" s="32">
        <f>'[1]市町村別・系統別　宗教法人数'!I11</f>
        <v>0</v>
      </c>
      <c r="J11" s="33">
        <f>'[1]市町村別・系統別　宗教法人数'!J11</f>
        <v>7</v>
      </c>
      <c r="K11" s="34">
        <f>'[1]市町村別・系統別　宗教法人数'!K11</f>
        <v>6</v>
      </c>
    </row>
    <row r="12" spans="1:84" ht="24" customHeight="1" x14ac:dyDescent="0.2">
      <c r="A12" s="28"/>
      <c r="B12" s="29" t="s">
        <v>20</v>
      </c>
      <c r="C12" s="30">
        <f>'[1]市町村別・系統別　宗教法人数'!C12</f>
        <v>52</v>
      </c>
      <c r="D12" s="31">
        <f>'[1]市町村別・系統別　宗教法人数'!D12</f>
        <v>16</v>
      </c>
      <c r="E12" s="32">
        <f>'[1]市町村別・系統別　宗教法人数'!E12</f>
        <v>14</v>
      </c>
      <c r="F12" s="32">
        <f>'[1]市町村別・系統別　宗教法人数'!F12</f>
        <v>2</v>
      </c>
      <c r="G12" s="32">
        <f>'[1]市町村別・系統別　宗教法人数'!G12</f>
        <v>22</v>
      </c>
      <c r="H12" s="33">
        <f>'[1]市町村別・系統別　宗教法人数'!H12</f>
        <v>20</v>
      </c>
      <c r="I12" s="32">
        <f>'[1]市町村別・系統別　宗教法人数'!I12</f>
        <v>2</v>
      </c>
      <c r="J12" s="33">
        <f>'[1]市町村別・系統別　宗教法人数'!J12</f>
        <v>6</v>
      </c>
      <c r="K12" s="34">
        <f>'[1]市町村別・系統別　宗教法人数'!K12</f>
        <v>8</v>
      </c>
    </row>
    <row r="13" spans="1:84" ht="24" customHeight="1" x14ac:dyDescent="0.2">
      <c r="A13" s="35"/>
      <c r="B13" s="29" t="s">
        <v>21</v>
      </c>
      <c r="C13" s="30">
        <f>'[1]市町村別・系統別　宗教法人数'!C13</f>
        <v>45</v>
      </c>
      <c r="D13" s="31">
        <f>'[1]市町村別・系統別　宗教法人数'!D13</f>
        <v>16</v>
      </c>
      <c r="E13" s="32">
        <f>'[1]市町村別・系統別　宗教法人数'!E13</f>
        <v>16</v>
      </c>
      <c r="F13" s="32">
        <f>'[1]市町村別・系統別　宗教法人数'!F13</f>
        <v>0</v>
      </c>
      <c r="G13" s="32">
        <f>'[1]市町村別・系統別　宗教法人数'!G13</f>
        <v>16</v>
      </c>
      <c r="H13" s="33">
        <f>'[1]市町村別・系統別　宗教法人数'!H13</f>
        <v>16</v>
      </c>
      <c r="I13" s="32">
        <f>'[1]市町村別・系統別　宗教法人数'!I13</f>
        <v>0</v>
      </c>
      <c r="J13" s="33">
        <f>'[1]市町村別・系統別　宗教法人数'!J13</f>
        <v>6</v>
      </c>
      <c r="K13" s="34">
        <f>'[1]市町村別・系統別　宗教法人数'!K13</f>
        <v>7</v>
      </c>
    </row>
    <row r="14" spans="1:84" ht="24" customHeight="1" x14ac:dyDescent="0.2">
      <c r="A14" s="28"/>
      <c r="B14" s="29" t="s">
        <v>22</v>
      </c>
      <c r="C14" s="30">
        <f>'[1]市町村別・系統別　宗教法人数'!C14</f>
        <v>52</v>
      </c>
      <c r="D14" s="31">
        <f>'[1]市町村別・系統別　宗教法人数'!D14</f>
        <v>15</v>
      </c>
      <c r="E14" s="32">
        <f>'[1]市町村別・系統別　宗教法人数'!E14</f>
        <v>15</v>
      </c>
      <c r="F14" s="32">
        <f>'[1]市町村別・系統別　宗教法人数'!F14</f>
        <v>0</v>
      </c>
      <c r="G14" s="32">
        <f>'[1]市町村別・系統別　宗教法人数'!G14</f>
        <v>20</v>
      </c>
      <c r="H14" s="33">
        <f>'[1]市町村別・系統別　宗教法人数'!H14</f>
        <v>20</v>
      </c>
      <c r="I14" s="32">
        <f>'[1]市町村別・系統別　宗教法人数'!I14</f>
        <v>0</v>
      </c>
      <c r="J14" s="33">
        <f>'[1]市町村別・系統別　宗教法人数'!J14</f>
        <v>12</v>
      </c>
      <c r="K14" s="34">
        <f>'[1]市町村別・系統別　宗教法人数'!K14</f>
        <v>5</v>
      </c>
    </row>
    <row r="15" spans="1:84" ht="24" customHeight="1" x14ac:dyDescent="0.2">
      <c r="A15" s="28"/>
      <c r="B15" s="29" t="s">
        <v>23</v>
      </c>
      <c r="C15" s="30">
        <f>'[1]市町村別・系統別　宗教法人数'!C15</f>
        <v>48</v>
      </c>
      <c r="D15" s="31">
        <f>'[1]市町村別・系統別　宗教法人数'!D15</f>
        <v>11</v>
      </c>
      <c r="E15" s="32">
        <f>'[1]市町村別・系統別　宗教法人数'!E15</f>
        <v>11</v>
      </c>
      <c r="F15" s="32">
        <f>'[1]市町村別・系統別　宗教法人数'!F15</f>
        <v>0</v>
      </c>
      <c r="G15" s="32">
        <f>'[1]市町村別・系統別　宗教法人数'!G15</f>
        <v>31</v>
      </c>
      <c r="H15" s="33">
        <f>'[1]市町村別・系統別　宗教法人数'!H15</f>
        <v>30</v>
      </c>
      <c r="I15" s="32">
        <f>'[1]市町村別・系統別　宗教法人数'!I15</f>
        <v>1</v>
      </c>
      <c r="J15" s="33">
        <f>'[1]市町村別・系統別　宗教法人数'!J15</f>
        <v>4</v>
      </c>
      <c r="K15" s="34">
        <f>'[1]市町村別・系統別　宗教法人数'!K15</f>
        <v>2</v>
      </c>
    </row>
    <row r="16" spans="1:84" ht="24" customHeight="1" x14ac:dyDescent="0.2">
      <c r="A16" s="28"/>
      <c r="B16" s="29" t="s">
        <v>24</v>
      </c>
      <c r="C16" s="30">
        <f>'[1]市町村別・系統別　宗教法人数'!C16</f>
        <v>88</v>
      </c>
      <c r="D16" s="31">
        <f>'[1]市町村別・系統別　宗教法人数'!D16</f>
        <v>25</v>
      </c>
      <c r="E16" s="32">
        <f>'[1]市町村別・系統別　宗教法人数'!E16</f>
        <v>24</v>
      </c>
      <c r="F16" s="32">
        <f>'[1]市町村別・系統別　宗教法人数'!F16</f>
        <v>1</v>
      </c>
      <c r="G16" s="32">
        <f>'[1]市町村別・系統別　宗教法人数'!G16</f>
        <v>51</v>
      </c>
      <c r="H16" s="33">
        <f>'[1]市町村別・系統別　宗教法人数'!H16</f>
        <v>49</v>
      </c>
      <c r="I16" s="32">
        <f>'[1]市町村別・系統別　宗教法人数'!I16</f>
        <v>2</v>
      </c>
      <c r="J16" s="33">
        <f>'[1]市町村別・系統別　宗教法人数'!J16</f>
        <v>5</v>
      </c>
      <c r="K16" s="34">
        <f>'[1]市町村別・系統別　宗教法人数'!K16</f>
        <v>7</v>
      </c>
    </row>
    <row r="17" spans="1:11" ht="24" customHeight="1" x14ac:dyDescent="0.2">
      <c r="A17" s="36"/>
      <c r="B17" s="29" t="s">
        <v>25</v>
      </c>
      <c r="C17" s="30">
        <f>'[1]市町村別・系統別　宗教法人数'!C17</f>
        <v>51</v>
      </c>
      <c r="D17" s="31">
        <f>'[1]市町村別・系統別　宗教法人数'!D17</f>
        <v>16</v>
      </c>
      <c r="E17" s="32">
        <f>'[1]市町村別・系統別　宗教法人数'!E17</f>
        <v>16</v>
      </c>
      <c r="F17" s="32">
        <f>'[1]市町村別・系統別　宗教法人数'!F17</f>
        <v>0</v>
      </c>
      <c r="G17" s="32">
        <f>'[1]市町村別・系統別　宗教法人数'!G17</f>
        <v>28</v>
      </c>
      <c r="H17" s="33">
        <f>'[1]市町村別・系統別　宗教法人数'!H17</f>
        <v>28</v>
      </c>
      <c r="I17" s="32">
        <f>'[1]市町村別・系統別　宗教法人数'!I17</f>
        <v>0</v>
      </c>
      <c r="J17" s="33">
        <f>'[1]市町村別・系統別　宗教法人数'!J17</f>
        <v>5</v>
      </c>
      <c r="K17" s="34">
        <f>'[1]市町村別・系統別　宗教法人数'!K17</f>
        <v>2</v>
      </c>
    </row>
    <row r="18" spans="1:11" ht="24" customHeight="1" x14ac:dyDescent="0.2">
      <c r="A18" s="35"/>
      <c r="B18" s="29" t="s">
        <v>26</v>
      </c>
      <c r="C18" s="30">
        <f>'[1]市町村別・系統別　宗教法人数'!C18</f>
        <v>57</v>
      </c>
      <c r="D18" s="31">
        <f>'[1]市町村別・系統別　宗教法人数'!D18</f>
        <v>25</v>
      </c>
      <c r="E18" s="32">
        <f>'[1]市町村別・系統別　宗教法人数'!E18</f>
        <v>24</v>
      </c>
      <c r="F18" s="32">
        <f>'[1]市町村別・系統別　宗教法人数'!F18</f>
        <v>1</v>
      </c>
      <c r="G18" s="32">
        <f>'[1]市町村別・系統別　宗教法人数'!G18</f>
        <v>21</v>
      </c>
      <c r="H18" s="33">
        <f>'[1]市町村別・系統別　宗教法人数'!H18</f>
        <v>21</v>
      </c>
      <c r="I18" s="32">
        <f>'[1]市町村別・系統別　宗教法人数'!I18</f>
        <v>0</v>
      </c>
      <c r="J18" s="33">
        <f>'[1]市町村別・系統別　宗教法人数'!J18</f>
        <v>6</v>
      </c>
      <c r="K18" s="34">
        <f>'[1]市町村別・系統別　宗教法人数'!K18</f>
        <v>5</v>
      </c>
    </row>
    <row r="19" spans="1:11" ht="24" customHeight="1" x14ac:dyDescent="0.2">
      <c r="A19" s="28"/>
      <c r="B19" s="29" t="s">
        <v>27</v>
      </c>
      <c r="C19" s="30">
        <f>'[1]市町村別・系統別　宗教法人数'!C19</f>
        <v>50</v>
      </c>
      <c r="D19" s="31">
        <f>'[1]市町村別・系統別　宗教法人数'!D19</f>
        <v>12</v>
      </c>
      <c r="E19" s="32">
        <f>'[1]市町村別・系統別　宗教法人数'!E19</f>
        <v>12</v>
      </c>
      <c r="F19" s="32">
        <f>'[1]市町村別・系統別　宗教法人数'!F19</f>
        <v>0</v>
      </c>
      <c r="G19" s="32">
        <f>'[1]市町村別・系統別　宗教法人数'!G19</f>
        <v>33</v>
      </c>
      <c r="H19" s="33">
        <f>'[1]市町村別・系統別　宗教法人数'!H19</f>
        <v>33</v>
      </c>
      <c r="I19" s="32">
        <f>'[1]市町村別・系統別　宗教法人数'!I19</f>
        <v>0</v>
      </c>
      <c r="J19" s="33">
        <f>'[1]市町村別・系統別　宗教法人数'!J19</f>
        <v>3</v>
      </c>
      <c r="K19" s="34">
        <f>'[1]市町村別・系統別　宗教法人数'!K19</f>
        <v>2</v>
      </c>
    </row>
    <row r="20" spans="1:11" ht="24" customHeight="1" x14ac:dyDescent="0.2">
      <c r="A20" s="28"/>
      <c r="B20" s="29" t="s">
        <v>28</v>
      </c>
      <c r="C20" s="30">
        <f>'[1]市町村別・系統別　宗教法人数'!C20</f>
        <v>85</v>
      </c>
      <c r="D20" s="31">
        <f>'[1]市町村別・系統別　宗教法人数'!D20</f>
        <v>34</v>
      </c>
      <c r="E20" s="32">
        <f>'[1]市町村別・系統別　宗教法人数'!E20</f>
        <v>32</v>
      </c>
      <c r="F20" s="32">
        <f>'[1]市町村別・系統別　宗教法人数'!F20</f>
        <v>2</v>
      </c>
      <c r="G20" s="32">
        <f>'[1]市町村別・系統別　宗教法人数'!G20</f>
        <v>41</v>
      </c>
      <c r="H20" s="33">
        <f>'[1]市町村別・系統別　宗教法人数'!H20</f>
        <v>40</v>
      </c>
      <c r="I20" s="32">
        <f>'[1]市町村別・系統別　宗教法人数'!I20</f>
        <v>1</v>
      </c>
      <c r="J20" s="33">
        <f>'[1]市町村別・系統別　宗教法人数'!J20</f>
        <v>5</v>
      </c>
      <c r="K20" s="34">
        <f>'[1]市町村別・系統別　宗教法人数'!K20</f>
        <v>5</v>
      </c>
    </row>
    <row r="21" spans="1:11" ht="24" customHeight="1" x14ac:dyDescent="0.2">
      <c r="A21" s="28"/>
      <c r="B21" s="29" t="s">
        <v>29</v>
      </c>
      <c r="C21" s="30">
        <f>'[1]市町村別・系統別　宗教法人数'!C21</f>
        <v>34</v>
      </c>
      <c r="D21" s="31">
        <f>'[1]市町村別・系統別　宗教法人数'!D21</f>
        <v>16</v>
      </c>
      <c r="E21" s="32">
        <f>'[1]市町村別・系統別　宗教法人数'!E21</f>
        <v>15</v>
      </c>
      <c r="F21" s="32">
        <f>'[1]市町村別・系統別　宗教法人数'!F21</f>
        <v>1</v>
      </c>
      <c r="G21" s="32">
        <f>'[1]市町村別・系統別　宗教法人数'!G21</f>
        <v>16</v>
      </c>
      <c r="H21" s="33">
        <f>'[1]市町村別・系統別　宗教法人数'!H21</f>
        <v>15</v>
      </c>
      <c r="I21" s="32">
        <f>'[1]市町村別・系統別　宗教法人数'!I21</f>
        <v>1</v>
      </c>
      <c r="J21" s="33">
        <f>'[1]市町村別・系統別　宗教法人数'!J21</f>
        <v>0</v>
      </c>
      <c r="K21" s="34">
        <f>'[1]市町村別・系統別　宗教法人数'!K21</f>
        <v>2</v>
      </c>
    </row>
    <row r="22" spans="1:11" ht="24" customHeight="1" x14ac:dyDescent="0.2">
      <c r="A22" s="28"/>
      <c r="B22" s="29" t="s">
        <v>30</v>
      </c>
      <c r="C22" s="30">
        <f>'[1]市町村別・系統別　宗教法人数'!C22</f>
        <v>40</v>
      </c>
      <c r="D22" s="31">
        <f>'[1]市町村別・系統別　宗教法人数'!D22</f>
        <v>21</v>
      </c>
      <c r="E22" s="32">
        <f>'[1]市町村別・系統別　宗教法人数'!E22</f>
        <v>20</v>
      </c>
      <c r="F22" s="32">
        <f>'[1]市町村別・系統別　宗教法人数'!F22</f>
        <v>1</v>
      </c>
      <c r="G22" s="32">
        <f>'[1]市町村別・系統別　宗教法人数'!G22</f>
        <v>15</v>
      </c>
      <c r="H22" s="33">
        <f>'[1]市町村別・系統別　宗教法人数'!H22</f>
        <v>15</v>
      </c>
      <c r="I22" s="32">
        <f>'[1]市町村別・系統別　宗教法人数'!I22</f>
        <v>0</v>
      </c>
      <c r="J22" s="33">
        <f>'[1]市町村別・系統別　宗教法人数'!J22</f>
        <v>3</v>
      </c>
      <c r="K22" s="34">
        <f>'[1]市町村別・系統別　宗教法人数'!K22</f>
        <v>1</v>
      </c>
    </row>
    <row r="23" spans="1:11" ht="24" customHeight="1" x14ac:dyDescent="0.2">
      <c r="A23" s="37"/>
      <c r="B23" s="29" t="s">
        <v>31</v>
      </c>
      <c r="C23" s="30">
        <f>'[1]市町村別・系統別　宗教法人数'!C23</f>
        <v>23</v>
      </c>
      <c r="D23" s="31">
        <f>'[1]市町村別・系統別　宗教法人数'!D23</f>
        <v>8</v>
      </c>
      <c r="E23" s="32">
        <f>'[1]市町村別・系統別　宗教法人数'!E23</f>
        <v>8</v>
      </c>
      <c r="F23" s="32">
        <f>'[1]市町村別・系統別　宗教法人数'!F23</f>
        <v>0</v>
      </c>
      <c r="G23" s="32">
        <f>'[1]市町村別・系統別　宗教法人数'!G23</f>
        <v>9</v>
      </c>
      <c r="H23" s="33">
        <f>'[1]市町村別・系統別　宗教法人数'!H23</f>
        <v>9</v>
      </c>
      <c r="I23" s="32">
        <f>'[1]市町村別・系統別　宗教法人数'!I23</f>
        <v>0</v>
      </c>
      <c r="J23" s="33">
        <f>'[1]市町村別・系統別　宗教法人数'!J23</f>
        <v>2</v>
      </c>
      <c r="K23" s="34">
        <f>'[1]市町村別・系統別　宗教法人数'!K23</f>
        <v>4</v>
      </c>
    </row>
    <row r="24" spans="1:11" ht="24" customHeight="1" x14ac:dyDescent="0.2">
      <c r="A24" s="35" t="s">
        <v>32</v>
      </c>
      <c r="B24" s="38"/>
      <c r="C24" s="30">
        <f>'[1]市町村別・系統別　宗教法人数'!C24</f>
        <v>334</v>
      </c>
      <c r="D24" s="31">
        <f>'[1]市町村別・系統別　宗教法人数'!D24</f>
        <v>104</v>
      </c>
      <c r="E24" s="32">
        <f>'[1]市町村別・系統別　宗教法人数'!E24</f>
        <v>99</v>
      </c>
      <c r="F24" s="32">
        <f>'[1]市町村別・系統別　宗教法人数'!F24</f>
        <v>5</v>
      </c>
      <c r="G24" s="32">
        <f>'[1]市町村別・系統別　宗教法人数'!G24</f>
        <v>157</v>
      </c>
      <c r="H24" s="33">
        <f>'[1]市町村別・系統別　宗教法人数'!H24</f>
        <v>150</v>
      </c>
      <c r="I24" s="32">
        <f>'[1]市町村別・系統別　宗教法人数'!I24</f>
        <v>7</v>
      </c>
      <c r="J24" s="33">
        <f>'[1]市町村別・系統別　宗教法人数'!J24</f>
        <v>35</v>
      </c>
      <c r="K24" s="34">
        <f>'[1]市町村別・系統別　宗教法人数'!K24</f>
        <v>38</v>
      </c>
    </row>
    <row r="25" spans="1:11" ht="24" customHeight="1" x14ac:dyDescent="0.2">
      <c r="A25" s="28"/>
      <c r="B25" s="29" t="s">
        <v>33</v>
      </c>
      <c r="C25" s="30">
        <f>'[1]市町村別・系統別　宗教法人数'!C25</f>
        <v>62</v>
      </c>
      <c r="D25" s="31">
        <f>'[1]市町村別・系統別　宗教法人数'!D25</f>
        <v>16</v>
      </c>
      <c r="E25" s="32">
        <f>'[1]市町村別・系統別　宗教法人数'!E25</f>
        <v>16</v>
      </c>
      <c r="F25" s="32">
        <f>'[1]市町村別・系統別　宗教法人数'!F25</f>
        <v>0</v>
      </c>
      <c r="G25" s="32">
        <f>'[1]市町村別・系統別　宗教法人数'!G25</f>
        <v>29</v>
      </c>
      <c r="H25" s="33">
        <f>'[1]市町村別・系統別　宗教法人数'!H25</f>
        <v>27</v>
      </c>
      <c r="I25" s="32">
        <f>'[1]市町村別・系統別　宗教法人数'!I25</f>
        <v>2</v>
      </c>
      <c r="J25" s="33">
        <f>'[1]市町村別・系統別　宗教法人数'!J25</f>
        <v>7</v>
      </c>
      <c r="K25" s="34">
        <f>'[1]市町村別・系統別　宗教法人数'!K25</f>
        <v>10</v>
      </c>
    </row>
    <row r="26" spans="1:11" ht="24" customHeight="1" x14ac:dyDescent="0.2">
      <c r="A26" s="28"/>
      <c r="B26" s="29" t="s">
        <v>34</v>
      </c>
      <c r="C26" s="30">
        <f>'[1]市町村別・系統別　宗教法人数'!C26</f>
        <v>43</v>
      </c>
      <c r="D26" s="31">
        <f>'[1]市町村別・系統別　宗教法人数'!D26</f>
        <v>15</v>
      </c>
      <c r="E26" s="32">
        <f>'[1]市町村別・系統別　宗教法人数'!E26</f>
        <v>15</v>
      </c>
      <c r="F26" s="32">
        <f>'[1]市町村別・系統別　宗教法人数'!F26</f>
        <v>0</v>
      </c>
      <c r="G26" s="32">
        <f>'[1]市町村別・系統別　宗教法人数'!G26</f>
        <v>18</v>
      </c>
      <c r="H26" s="33">
        <f>'[1]市町村別・系統別　宗教法人数'!H26</f>
        <v>17</v>
      </c>
      <c r="I26" s="32">
        <f>'[1]市町村別・系統別　宗教法人数'!I26</f>
        <v>1</v>
      </c>
      <c r="J26" s="33">
        <f>'[1]市町村別・系統別　宗教法人数'!J26</f>
        <v>4</v>
      </c>
      <c r="K26" s="34">
        <f>'[1]市町村別・系統別　宗教法人数'!K26</f>
        <v>6</v>
      </c>
    </row>
    <row r="27" spans="1:11" ht="24" customHeight="1" x14ac:dyDescent="0.2">
      <c r="A27" s="28"/>
      <c r="B27" s="29" t="s">
        <v>35</v>
      </c>
      <c r="C27" s="30">
        <f>'[1]市町村別・系統別　宗教法人数'!C27</f>
        <v>59</v>
      </c>
      <c r="D27" s="31">
        <f>'[1]市町村別・系統別　宗教法人数'!D27</f>
        <v>20</v>
      </c>
      <c r="E27" s="32">
        <f>'[1]市町村別・系統別　宗教法人数'!E27</f>
        <v>16</v>
      </c>
      <c r="F27" s="32">
        <f>'[1]市町村別・系統別　宗教法人数'!F27</f>
        <v>4</v>
      </c>
      <c r="G27" s="32">
        <f>'[1]市町村別・系統別　宗教法人数'!G27</f>
        <v>29</v>
      </c>
      <c r="H27" s="33">
        <f>'[1]市町村別・系統別　宗教法人数'!H27</f>
        <v>27</v>
      </c>
      <c r="I27" s="32">
        <f>'[1]市町村別・系統別　宗教法人数'!I27</f>
        <v>2</v>
      </c>
      <c r="J27" s="33">
        <f>'[1]市町村別・系統別　宗教法人数'!J27</f>
        <v>4</v>
      </c>
      <c r="K27" s="34">
        <f>'[1]市町村別・系統別　宗教法人数'!K27</f>
        <v>6</v>
      </c>
    </row>
    <row r="28" spans="1:11" ht="24" customHeight="1" x14ac:dyDescent="0.2">
      <c r="A28" s="28"/>
      <c r="B28" s="29" t="s">
        <v>36</v>
      </c>
      <c r="C28" s="30">
        <f>'[1]市町村別・系統別　宗教法人数'!C28</f>
        <v>56</v>
      </c>
      <c r="D28" s="31">
        <f>'[1]市町村別・系統別　宗教法人数'!D28</f>
        <v>20</v>
      </c>
      <c r="E28" s="32">
        <f>'[1]市町村別・系統別　宗教法人数'!E28</f>
        <v>20</v>
      </c>
      <c r="F28" s="32">
        <f>'[1]市町村別・系統別　宗教法人数'!F28</f>
        <v>0</v>
      </c>
      <c r="G28" s="32">
        <f>'[1]市町村別・系統別　宗教法人数'!G28</f>
        <v>28</v>
      </c>
      <c r="H28" s="33">
        <f>'[1]市町村別・系統別　宗教法人数'!H28</f>
        <v>27</v>
      </c>
      <c r="I28" s="32">
        <f>'[1]市町村別・系統別　宗教法人数'!I28</f>
        <v>1</v>
      </c>
      <c r="J28" s="33">
        <f>'[1]市町村別・系統別　宗教法人数'!J28</f>
        <v>5</v>
      </c>
      <c r="K28" s="34">
        <f>'[1]市町村別・系統別　宗教法人数'!K28</f>
        <v>3</v>
      </c>
    </row>
    <row r="29" spans="1:11" ht="24" customHeight="1" x14ac:dyDescent="0.2">
      <c r="A29" s="35"/>
      <c r="B29" s="29" t="s">
        <v>37</v>
      </c>
      <c r="C29" s="30">
        <f>'[1]市町村別・系統別　宗教法人数'!C29</f>
        <v>29</v>
      </c>
      <c r="D29" s="31">
        <f>'[1]市町村別・系統別　宗教法人数'!D29</f>
        <v>7</v>
      </c>
      <c r="E29" s="32">
        <f>'[1]市町村別・系統別　宗教法人数'!E29</f>
        <v>7</v>
      </c>
      <c r="F29" s="32">
        <f>'[1]市町村別・系統別　宗教法人数'!F29</f>
        <v>0</v>
      </c>
      <c r="G29" s="32">
        <f>'[1]市町村別・系統別　宗教法人数'!G29</f>
        <v>15</v>
      </c>
      <c r="H29" s="33">
        <f>'[1]市町村別・系統別　宗教法人数'!H29</f>
        <v>14</v>
      </c>
      <c r="I29" s="32">
        <f>'[1]市町村別・系統別　宗教法人数'!I29</f>
        <v>1</v>
      </c>
      <c r="J29" s="33">
        <f>'[1]市町村別・系統別　宗教法人数'!J29</f>
        <v>2</v>
      </c>
      <c r="K29" s="34">
        <f>'[1]市町村別・系統別　宗教法人数'!K29</f>
        <v>5</v>
      </c>
    </row>
    <row r="30" spans="1:11" ht="24" customHeight="1" x14ac:dyDescent="0.2">
      <c r="A30" s="28"/>
      <c r="B30" s="29" t="s">
        <v>38</v>
      </c>
      <c r="C30" s="30">
        <f>'[1]市町村別・系統別　宗教法人数'!C30</f>
        <v>47</v>
      </c>
      <c r="D30" s="31">
        <f>'[1]市町村別・系統別　宗教法人数'!D30</f>
        <v>13</v>
      </c>
      <c r="E30" s="32">
        <f>'[1]市町村別・系統別　宗教法人数'!E30</f>
        <v>13</v>
      </c>
      <c r="F30" s="32">
        <f>'[1]市町村別・系統別　宗教法人数'!F30</f>
        <v>0</v>
      </c>
      <c r="G30" s="32">
        <f>'[1]市町村別・系統別　宗教法人数'!G30</f>
        <v>21</v>
      </c>
      <c r="H30" s="33">
        <f>'[1]市町村別・系統別　宗教法人数'!H30</f>
        <v>21</v>
      </c>
      <c r="I30" s="32">
        <f>'[1]市町村別・系統別　宗教法人数'!I30</f>
        <v>0</v>
      </c>
      <c r="J30" s="33">
        <f>'[1]市町村別・系統別　宗教法人数'!J30</f>
        <v>9</v>
      </c>
      <c r="K30" s="34">
        <f>'[1]市町村別・系統別　宗教法人数'!K30</f>
        <v>4</v>
      </c>
    </row>
    <row r="31" spans="1:11" ht="24" customHeight="1" x14ac:dyDescent="0.2">
      <c r="A31" s="39"/>
      <c r="B31" s="29" t="s">
        <v>39</v>
      </c>
      <c r="C31" s="30">
        <f>'[1]市町村別・系統別　宗教法人数'!C31</f>
        <v>38</v>
      </c>
      <c r="D31" s="31">
        <f>'[1]市町村別・系統別　宗教法人数'!D31</f>
        <v>13</v>
      </c>
      <c r="E31" s="32">
        <f>'[1]市町村別・系統別　宗教法人数'!E31</f>
        <v>12</v>
      </c>
      <c r="F31" s="32">
        <f>'[1]市町村別・系統別　宗教法人数'!F31</f>
        <v>1</v>
      </c>
      <c r="G31" s="32">
        <f>'[1]市町村別・系統別　宗教法人数'!G31</f>
        <v>17</v>
      </c>
      <c r="H31" s="33">
        <f>'[1]市町村別・系統別　宗教法人数'!H31</f>
        <v>17</v>
      </c>
      <c r="I31" s="32">
        <f>'[1]市町村別・系統別　宗教法人数'!I31</f>
        <v>0</v>
      </c>
      <c r="J31" s="33">
        <f>'[1]市町村別・系統別　宗教法人数'!J31</f>
        <v>4</v>
      </c>
      <c r="K31" s="34">
        <f>'[1]市町村別・系統別　宗教法人数'!K31</f>
        <v>4</v>
      </c>
    </row>
    <row r="32" spans="1:11" ht="24" customHeight="1" x14ac:dyDescent="0.2">
      <c r="A32" s="35" t="s">
        <v>40</v>
      </c>
      <c r="B32" s="38"/>
      <c r="C32" s="30">
        <f>'[1]市町村別・系統別　宗教法人数'!C32</f>
        <v>213</v>
      </c>
      <c r="D32" s="31">
        <f>'[1]市町村別・系統別　宗教法人数'!D32</f>
        <v>88</v>
      </c>
      <c r="E32" s="32">
        <f>'[1]市町村別・系統別　宗教法人数'!E32</f>
        <v>85</v>
      </c>
      <c r="F32" s="32">
        <f>'[1]市町村別・系統別　宗教法人数'!F32</f>
        <v>3</v>
      </c>
      <c r="G32" s="32">
        <f>'[1]市町村別・系統別　宗教法人数'!G32</f>
        <v>93</v>
      </c>
      <c r="H32" s="33">
        <f>'[1]市町村別・系統別　宗教法人数'!H32</f>
        <v>93</v>
      </c>
      <c r="I32" s="32">
        <f>'[1]市町村別・系統別　宗教法人数'!I32</f>
        <v>0</v>
      </c>
      <c r="J32" s="33">
        <f>'[1]市町村別・系統別　宗教法人数'!J32</f>
        <v>17</v>
      </c>
      <c r="K32" s="34">
        <f>'[1]市町村別・系統別　宗教法人数'!K32</f>
        <v>15</v>
      </c>
    </row>
    <row r="33" spans="1:11" ht="24" customHeight="1" x14ac:dyDescent="0.2">
      <c r="A33" s="28"/>
      <c r="B33" s="29" t="s">
        <v>41</v>
      </c>
      <c r="C33" s="30">
        <f>'[1]市町村別・系統別　宗教法人数'!C33</f>
        <v>127</v>
      </c>
      <c r="D33" s="31">
        <f>'[1]市町村別・系統別　宗教法人数'!D33</f>
        <v>55</v>
      </c>
      <c r="E33" s="32">
        <f>'[1]市町村別・系統別　宗教法人数'!E33</f>
        <v>53</v>
      </c>
      <c r="F33" s="32">
        <f>'[1]市町村別・系統別　宗教法人数'!F33</f>
        <v>2</v>
      </c>
      <c r="G33" s="32">
        <f>'[1]市町村別・系統別　宗教法人数'!G33</f>
        <v>65</v>
      </c>
      <c r="H33" s="33">
        <f>'[1]市町村別・系統別　宗教法人数'!H33</f>
        <v>65</v>
      </c>
      <c r="I33" s="32">
        <f>'[1]市町村別・系統別　宗教法人数'!I33</f>
        <v>0</v>
      </c>
      <c r="J33" s="33">
        <f>'[1]市町村別・系統別　宗教法人数'!J33</f>
        <v>3</v>
      </c>
      <c r="K33" s="34">
        <f>'[1]市町村別・系統別　宗教法人数'!K33</f>
        <v>4</v>
      </c>
    </row>
    <row r="34" spans="1:11" ht="24" customHeight="1" x14ac:dyDescent="0.2">
      <c r="A34" s="36"/>
      <c r="B34" s="40" t="s">
        <v>42</v>
      </c>
      <c r="C34" s="41">
        <f>'[1]市町村別・系統別　宗教法人数'!C34</f>
        <v>34</v>
      </c>
      <c r="D34" s="42">
        <f>'[1]市町村別・系統別　宗教法人数'!D34</f>
        <v>9</v>
      </c>
      <c r="E34" s="43">
        <f>'[1]市町村別・系統別　宗教法人数'!E34</f>
        <v>9</v>
      </c>
      <c r="F34" s="43">
        <f>'[1]市町村別・系統別　宗教法人数'!F34</f>
        <v>0</v>
      </c>
      <c r="G34" s="43">
        <f>'[1]市町村別・系統別　宗教法人数'!G34</f>
        <v>12</v>
      </c>
      <c r="H34" s="44">
        <f>'[1]市町村別・系統別　宗教法人数'!H34</f>
        <v>12</v>
      </c>
      <c r="I34" s="43">
        <f>'[1]市町村別・系統別　宗教法人数'!I34</f>
        <v>0</v>
      </c>
      <c r="J34" s="44">
        <f>'[1]市町村別・系統別　宗教法人数'!J34</f>
        <v>6</v>
      </c>
      <c r="K34" s="45">
        <f>'[1]市町村別・系統別　宗教法人数'!K34</f>
        <v>7</v>
      </c>
    </row>
    <row r="35" spans="1:11" ht="24" customHeight="1" thickBot="1" x14ac:dyDescent="0.25">
      <c r="A35" s="46"/>
      <c r="B35" s="47" t="s">
        <v>43</v>
      </c>
      <c r="C35" s="48">
        <f>'[1]市町村別・系統別　宗教法人数'!C35</f>
        <v>52</v>
      </c>
      <c r="D35" s="49">
        <f>'[1]市町村別・系統別　宗教法人数'!D35</f>
        <v>24</v>
      </c>
      <c r="E35" s="50">
        <f>'[1]市町村別・系統別　宗教法人数'!E35</f>
        <v>23</v>
      </c>
      <c r="F35" s="50">
        <f>'[1]市町村別・系統別　宗教法人数'!F35</f>
        <v>1</v>
      </c>
      <c r="G35" s="50">
        <f>'[1]市町村別・系統別　宗教法人数'!G35</f>
        <v>16</v>
      </c>
      <c r="H35" s="51">
        <f>'[1]市町村別・系統別　宗教法人数'!H35</f>
        <v>16</v>
      </c>
      <c r="I35" s="50">
        <f>'[1]市町村別・系統別　宗教法人数'!I35</f>
        <v>0</v>
      </c>
      <c r="J35" s="51">
        <f>'[1]市町村別・系統別　宗教法人数'!J35</f>
        <v>8</v>
      </c>
      <c r="K35" s="52">
        <f>'[1]市町村別・系統別　宗教法人数'!K35</f>
        <v>4</v>
      </c>
    </row>
    <row r="36" spans="1:11" ht="24" customHeight="1" x14ac:dyDescent="0.2">
      <c r="A36" s="53" t="s">
        <v>44</v>
      </c>
      <c r="B36" s="54"/>
      <c r="C36" s="55">
        <f>'[1]市町村別・系統別　宗教法人数'!C36</f>
        <v>236</v>
      </c>
      <c r="D36" s="56">
        <f>'[1]市町村別・系統別　宗教法人数'!D36</f>
        <v>62</v>
      </c>
      <c r="E36" s="57">
        <f>'[1]市町村別・系統別　宗教法人数'!E36</f>
        <v>55</v>
      </c>
      <c r="F36" s="57">
        <f>'[1]市町村別・系統別　宗教法人数'!F36</f>
        <v>7</v>
      </c>
      <c r="G36" s="57">
        <f>'[1]市町村別・系統別　宗教法人数'!G36</f>
        <v>127</v>
      </c>
      <c r="H36" s="58">
        <f>'[1]市町村別・系統別　宗教法人数'!H36</f>
        <v>120</v>
      </c>
      <c r="I36" s="57">
        <f>'[1]市町村別・系統別　宗教法人数'!I36</f>
        <v>7</v>
      </c>
      <c r="J36" s="58">
        <f>'[1]市町村別・系統別　宗教法人数'!J36</f>
        <v>16</v>
      </c>
      <c r="K36" s="59">
        <f>'[1]市町村別・系統別　宗教法人数'!K36</f>
        <v>31</v>
      </c>
    </row>
    <row r="37" spans="1:11" ht="24" customHeight="1" x14ac:dyDescent="0.2">
      <c r="A37" s="60" t="s">
        <v>45</v>
      </c>
      <c r="B37" s="38"/>
      <c r="C37" s="30">
        <f>'[1]市町村別・系統別　宗教法人数'!C37</f>
        <v>174</v>
      </c>
      <c r="D37" s="31">
        <f>'[1]市町村別・系統別　宗教法人数'!D37</f>
        <v>54</v>
      </c>
      <c r="E37" s="32">
        <f>'[1]市町村別・系統別　宗教法人数'!E37</f>
        <v>53</v>
      </c>
      <c r="F37" s="32">
        <f>'[1]市町村別・系統別　宗教法人数'!F37</f>
        <v>1</v>
      </c>
      <c r="G37" s="32">
        <f>'[1]市町村別・系統別　宗教法人数'!G37</f>
        <v>100</v>
      </c>
      <c r="H37" s="33">
        <f>'[1]市町村別・系統別　宗教法人数'!H37</f>
        <v>100</v>
      </c>
      <c r="I37" s="32">
        <f>'[1]市町村別・系統別　宗教法人数'!I37</f>
        <v>0</v>
      </c>
      <c r="J37" s="33">
        <f>'[1]市町村別・系統別　宗教法人数'!J37</f>
        <v>11</v>
      </c>
      <c r="K37" s="34">
        <f>'[1]市町村別・系統別　宗教法人数'!K37</f>
        <v>9</v>
      </c>
    </row>
    <row r="38" spans="1:11" ht="24" customHeight="1" x14ac:dyDescent="0.2">
      <c r="A38" s="60" t="s">
        <v>46</v>
      </c>
      <c r="B38" s="38"/>
      <c r="C38" s="30">
        <f>'[1]市町村別・系統別　宗教法人数'!C38</f>
        <v>176</v>
      </c>
      <c r="D38" s="31">
        <f>'[1]市町村別・系統別　宗教法人数'!D38</f>
        <v>44</v>
      </c>
      <c r="E38" s="32">
        <f>'[1]市町村別・系統別　宗教法人数'!E38</f>
        <v>41</v>
      </c>
      <c r="F38" s="32">
        <f>'[1]市町村別・系統別　宗教法人数'!F38</f>
        <v>3</v>
      </c>
      <c r="G38" s="32">
        <f>'[1]市町村別・系統別　宗教法人数'!G38</f>
        <v>121</v>
      </c>
      <c r="H38" s="33">
        <f>'[1]市町村別・系統別　宗教法人数'!H38</f>
        <v>120</v>
      </c>
      <c r="I38" s="32">
        <f>'[1]市町村別・系統別　宗教法人数'!I38</f>
        <v>1</v>
      </c>
      <c r="J38" s="33">
        <f>'[1]市町村別・系統別　宗教法人数'!J38</f>
        <v>9</v>
      </c>
      <c r="K38" s="34">
        <f>'[1]市町村別・系統別　宗教法人数'!K38</f>
        <v>2</v>
      </c>
    </row>
    <row r="39" spans="1:11" ht="24" customHeight="1" x14ac:dyDescent="0.2">
      <c r="A39" s="61" t="s">
        <v>47</v>
      </c>
      <c r="B39" s="62"/>
      <c r="C39" s="63">
        <f>'[1]市町村別・系統別　宗教法人数'!C39</f>
        <v>144</v>
      </c>
      <c r="D39" s="64">
        <f>'[1]市町村別・系統別　宗教法人数'!D39</f>
        <v>58</v>
      </c>
      <c r="E39" s="65">
        <f>'[1]市町村別・系統別　宗教法人数'!E39</f>
        <v>55</v>
      </c>
      <c r="F39" s="65">
        <f>'[1]市町村別・系統別　宗教法人数'!F39</f>
        <v>3</v>
      </c>
      <c r="G39" s="65">
        <f>'[1]市町村別・系統別　宗教法人数'!G39</f>
        <v>63</v>
      </c>
      <c r="H39" s="66">
        <f>'[1]市町村別・系統別　宗教法人数'!H39</f>
        <v>62</v>
      </c>
      <c r="I39" s="65">
        <f>'[1]市町村別・系統別　宗教法人数'!I39</f>
        <v>1</v>
      </c>
      <c r="J39" s="66">
        <f>'[1]市町村別・系統別　宗教法人数'!J39</f>
        <v>17</v>
      </c>
      <c r="K39" s="67">
        <f>'[1]市町村別・系統別　宗教法人数'!K39</f>
        <v>6</v>
      </c>
    </row>
    <row r="40" spans="1:11" ht="24" customHeight="1" x14ac:dyDescent="0.2">
      <c r="A40" s="60" t="s">
        <v>48</v>
      </c>
      <c r="B40" s="38"/>
      <c r="C40" s="30">
        <f>'[1]市町村別・系統別　宗教法人数'!C40</f>
        <v>256</v>
      </c>
      <c r="D40" s="31">
        <f>'[1]市町村別・系統別　宗教法人数'!D40</f>
        <v>63</v>
      </c>
      <c r="E40" s="32">
        <f>'[1]市町村別・系統別　宗教法人数'!E40</f>
        <v>59</v>
      </c>
      <c r="F40" s="32">
        <f>'[1]市町村別・系統別　宗教法人数'!F40</f>
        <v>4</v>
      </c>
      <c r="G40" s="32">
        <f>'[1]市町村別・系統別　宗教法人数'!G40</f>
        <v>170</v>
      </c>
      <c r="H40" s="33">
        <f>'[1]市町村別・系統別　宗教法人数'!H40</f>
        <v>167</v>
      </c>
      <c r="I40" s="32">
        <f>'[1]市町村別・系統別　宗教法人数'!I40</f>
        <v>3</v>
      </c>
      <c r="J40" s="33">
        <f>'[1]市町村別・系統別　宗教法人数'!J40</f>
        <v>9</v>
      </c>
      <c r="K40" s="34">
        <f>'[1]市町村別・系統別　宗教法人数'!K40</f>
        <v>14</v>
      </c>
    </row>
    <row r="41" spans="1:11" ht="24" customHeight="1" x14ac:dyDescent="0.2">
      <c r="A41" s="60" t="s">
        <v>49</v>
      </c>
      <c r="B41" s="38"/>
      <c r="C41" s="30">
        <f>'[1]市町村別・系統別　宗教法人数'!C41</f>
        <v>92</v>
      </c>
      <c r="D41" s="31">
        <f>'[1]市町村別・系統別　宗教法人数'!D41</f>
        <v>31</v>
      </c>
      <c r="E41" s="32">
        <f>'[1]市町村別・系統別　宗教法人数'!E41</f>
        <v>31</v>
      </c>
      <c r="F41" s="32">
        <f>'[1]市町村別・系統別　宗教法人数'!F41</f>
        <v>0</v>
      </c>
      <c r="G41" s="32">
        <f>'[1]市町村別・系統別　宗教法人数'!G41</f>
        <v>43</v>
      </c>
      <c r="H41" s="33">
        <f>'[1]市町村別・系統別　宗教法人数'!H41</f>
        <v>43</v>
      </c>
      <c r="I41" s="32">
        <f>'[1]市町村別・系統別　宗教法人数'!I41</f>
        <v>0</v>
      </c>
      <c r="J41" s="33">
        <f>'[1]市町村別・系統別　宗教法人数'!J41</f>
        <v>11</v>
      </c>
      <c r="K41" s="34">
        <f>'[1]市町村別・系統別　宗教法人数'!K41</f>
        <v>7</v>
      </c>
    </row>
    <row r="42" spans="1:11" ht="24" customHeight="1" x14ac:dyDescent="0.2">
      <c r="A42" s="61" t="s">
        <v>50</v>
      </c>
      <c r="B42" s="62"/>
      <c r="C42" s="63">
        <f>'[1]市町村別・系統別　宗教法人数'!C42</f>
        <v>35</v>
      </c>
      <c r="D42" s="64">
        <f>'[1]市町村別・系統別　宗教法人数'!D42</f>
        <v>9</v>
      </c>
      <c r="E42" s="65">
        <f>'[1]市町村別・系統別　宗教法人数'!E42</f>
        <v>8</v>
      </c>
      <c r="F42" s="65">
        <f>'[1]市町村別・系統別　宗教法人数'!F42</f>
        <v>1</v>
      </c>
      <c r="G42" s="65">
        <f>'[1]市町村別・系統別　宗教法人数'!G42</f>
        <v>20</v>
      </c>
      <c r="H42" s="66">
        <f>'[1]市町村別・系統別　宗教法人数'!H42</f>
        <v>19</v>
      </c>
      <c r="I42" s="65">
        <f>'[1]市町村別・系統別　宗教法人数'!I42</f>
        <v>1</v>
      </c>
      <c r="J42" s="66">
        <f>'[1]市町村別・系統別　宗教法人数'!J42</f>
        <v>3</v>
      </c>
      <c r="K42" s="67">
        <f>'[1]市町村別・系統別　宗教法人数'!K42</f>
        <v>3</v>
      </c>
    </row>
    <row r="43" spans="1:11" ht="24" customHeight="1" x14ac:dyDescent="0.2">
      <c r="A43" s="60" t="s">
        <v>51</v>
      </c>
      <c r="B43" s="38"/>
      <c r="C43" s="30">
        <f>'[1]市町村別・系統別　宗教法人数'!C43</f>
        <v>66</v>
      </c>
      <c r="D43" s="31">
        <f>'[1]市町村別・系統別　宗教法人数'!D43</f>
        <v>18</v>
      </c>
      <c r="E43" s="32">
        <f>'[1]市町村別・系統別　宗教法人数'!E43</f>
        <v>18</v>
      </c>
      <c r="F43" s="32">
        <f>'[1]市町村別・系統別　宗教法人数'!F43</f>
        <v>0</v>
      </c>
      <c r="G43" s="32">
        <f>'[1]市町村別・系統別　宗教法人数'!G43</f>
        <v>42</v>
      </c>
      <c r="H43" s="33">
        <f>'[1]市町村別・系統別　宗教法人数'!H43</f>
        <v>38</v>
      </c>
      <c r="I43" s="32">
        <f>'[1]市町村別・系統別　宗教法人数'!I43</f>
        <v>4</v>
      </c>
      <c r="J43" s="33">
        <f>'[1]市町村別・系統別　宗教法人数'!J43</f>
        <v>2</v>
      </c>
      <c r="K43" s="34">
        <f>'[1]市町村別・系統別　宗教法人数'!K43</f>
        <v>4</v>
      </c>
    </row>
    <row r="44" spans="1:11" ht="24" customHeight="1" x14ac:dyDescent="0.2">
      <c r="A44" s="60" t="s">
        <v>52</v>
      </c>
      <c r="B44" s="38"/>
      <c r="C44" s="30">
        <f>'[1]市町村別・系統別　宗教法人数'!C44</f>
        <v>110</v>
      </c>
      <c r="D44" s="31">
        <f>'[1]市町村別・系統別　宗教法人数'!D44</f>
        <v>50</v>
      </c>
      <c r="E44" s="32">
        <f>'[1]市町村別・系統別　宗教法人数'!E44</f>
        <v>45</v>
      </c>
      <c r="F44" s="32">
        <f>'[1]市町村別・系統別　宗教法人数'!F44</f>
        <v>5</v>
      </c>
      <c r="G44" s="32">
        <f>'[1]市町村別・系統別　宗教法人数'!G44</f>
        <v>52</v>
      </c>
      <c r="H44" s="33">
        <f>'[1]市町村別・系統別　宗教法人数'!H44</f>
        <v>52</v>
      </c>
      <c r="I44" s="32">
        <f>'[1]市町村別・系統別　宗教法人数'!I44</f>
        <v>0</v>
      </c>
      <c r="J44" s="33">
        <f>'[1]市町村別・系統別　宗教法人数'!J44</f>
        <v>4</v>
      </c>
      <c r="K44" s="34">
        <f>'[1]市町村別・系統別　宗教法人数'!K44</f>
        <v>4</v>
      </c>
    </row>
    <row r="45" spans="1:11" ht="24" customHeight="1" x14ac:dyDescent="0.2">
      <c r="A45" s="60" t="s">
        <v>53</v>
      </c>
      <c r="B45" s="38"/>
      <c r="C45" s="30">
        <f>'[1]市町村別・系統別　宗教法人数'!C45</f>
        <v>138</v>
      </c>
      <c r="D45" s="31">
        <f>'[1]市町村別・系統別　宗教法人数'!D45</f>
        <v>57</v>
      </c>
      <c r="E45" s="32">
        <f>'[1]市町村別・系統別　宗教法人数'!E45</f>
        <v>57</v>
      </c>
      <c r="F45" s="32">
        <f>'[1]市町村別・系統別　宗教法人数'!F45</f>
        <v>0</v>
      </c>
      <c r="G45" s="32">
        <f>'[1]市町村別・系統別　宗教法人数'!G45</f>
        <v>70</v>
      </c>
      <c r="H45" s="33">
        <f>'[1]市町村別・系統別　宗教法人数'!H45</f>
        <v>69</v>
      </c>
      <c r="I45" s="32">
        <f>'[1]市町村別・系統別　宗教法人数'!I45</f>
        <v>1</v>
      </c>
      <c r="J45" s="33">
        <f>'[1]市町村別・系統別　宗教法人数'!J45</f>
        <v>6</v>
      </c>
      <c r="K45" s="34">
        <f>'[1]市町村別・系統別　宗教法人数'!K45</f>
        <v>5</v>
      </c>
    </row>
    <row r="46" spans="1:11" ht="24" customHeight="1" x14ac:dyDescent="0.2">
      <c r="A46" s="60" t="s">
        <v>54</v>
      </c>
      <c r="B46" s="38"/>
      <c r="C46" s="30">
        <f>'[1]市町村別・系統別　宗教法人数'!C46</f>
        <v>39</v>
      </c>
      <c r="D46" s="31">
        <f>'[1]市町村別・系統別　宗教法人数'!D46</f>
        <v>15</v>
      </c>
      <c r="E46" s="32">
        <f>'[1]市町村別・系統別　宗教法人数'!E46</f>
        <v>14</v>
      </c>
      <c r="F46" s="32">
        <f>'[1]市町村別・系統別　宗教法人数'!F46</f>
        <v>1</v>
      </c>
      <c r="G46" s="32">
        <f>'[1]市町村別・系統別　宗教法人数'!G46</f>
        <v>13</v>
      </c>
      <c r="H46" s="33">
        <f>'[1]市町村別・系統別　宗教法人数'!H46</f>
        <v>13</v>
      </c>
      <c r="I46" s="32">
        <f>'[1]市町村別・系統別　宗教法人数'!I46</f>
        <v>0</v>
      </c>
      <c r="J46" s="33">
        <f>'[1]市町村別・系統別　宗教法人数'!J46</f>
        <v>6</v>
      </c>
      <c r="K46" s="34">
        <f>'[1]市町村別・系統別　宗教法人数'!K46</f>
        <v>5</v>
      </c>
    </row>
    <row r="47" spans="1:11" ht="24" customHeight="1" x14ac:dyDescent="0.2">
      <c r="A47" s="60" t="s">
        <v>55</v>
      </c>
      <c r="B47" s="38"/>
      <c r="C47" s="30">
        <f>'[1]市町村別・系統別　宗教法人数'!C47</f>
        <v>168</v>
      </c>
      <c r="D47" s="31">
        <f>'[1]市町村別・系統別　宗教法人数'!D47</f>
        <v>92</v>
      </c>
      <c r="E47" s="32">
        <f>'[1]市町村別・系統別　宗教法人数'!E47</f>
        <v>44</v>
      </c>
      <c r="F47" s="32">
        <f>'[1]市町村別・系統別　宗教法人数'!F47</f>
        <v>48</v>
      </c>
      <c r="G47" s="32">
        <f>'[1]市町村別・系統別　宗教法人数'!G47</f>
        <v>71</v>
      </c>
      <c r="H47" s="33">
        <f>'[1]市町村別・系統別　宗教法人数'!H47</f>
        <v>70</v>
      </c>
      <c r="I47" s="32">
        <f>'[1]市町村別・系統別　宗教法人数'!I47</f>
        <v>1</v>
      </c>
      <c r="J47" s="33">
        <f>'[1]市町村別・系統別　宗教法人数'!J47</f>
        <v>3</v>
      </c>
      <c r="K47" s="34">
        <f>'[1]市町村別・系統別　宗教法人数'!K47</f>
        <v>2</v>
      </c>
    </row>
    <row r="48" spans="1:11" ht="24" customHeight="1" x14ac:dyDescent="0.2">
      <c r="A48" s="60" t="s">
        <v>56</v>
      </c>
      <c r="B48" s="38"/>
      <c r="C48" s="30">
        <f>'[1]市町村別・系統別　宗教法人数'!C48</f>
        <v>50</v>
      </c>
      <c r="D48" s="31">
        <f>'[1]市町村別・系統別　宗教法人数'!D48</f>
        <v>14</v>
      </c>
      <c r="E48" s="32">
        <f>'[1]市町村別・系統別　宗教法人数'!E48</f>
        <v>14</v>
      </c>
      <c r="F48" s="32">
        <f>'[1]市町村別・系統別　宗教法人数'!F48</f>
        <v>0</v>
      </c>
      <c r="G48" s="32">
        <f>'[1]市町村別・系統別　宗教法人数'!G48</f>
        <v>31</v>
      </c>
      <c r="H48" s="33">
        <f>'[1]市町村別・系統別　宗教法人数'!H48</f>
        <v>31</v>
      </c>
      <c r="I48" s="32">
        <f>'[1]市町村別・系統別　宗教法人数'!I48</f>
        <v>0</v>
      </c>
      <c r="J48" s="33">
        <f>'[1]市町村別・系統別　宗教法人数'!J48</f>
        <v>4</v>
      </c>
      <c r="K48" s="34">
        <f>'[1]市町村別・系統別　宗教法人数'!K48</f>
        <v>1</v>
      </c>
    </row>
    <row r="49" spans="1:11" ht="24" customHeight="1" x14ac:dyDescent="0.2">
      <c r="A49" s="60" t="s">
        <v>57</v>
      </c>
      <c r="B49" s="38"/>
      <c r="C49" s="30">
        <f>'[1]市町村別・系統別　宗教法人数'!C49</f>
        <v>19</v>
      </c>
      <c r="D49" s="31">
        <f>'[1]市町村別・系統別　宗教法人数'!D49</f>
        <v>6</v>
      </c>
      <c r="E49" s="32">
        <f>'[1]市町村別・系統別　宗教法人数'!E49</f>
        <v>6</v>
      </c>
      <c r="F49" s="32">
        <f>'[1]市町村別・系統別　宗教法人数'!F49</f>
        <v>0</v>
      </c>
      <c r="G49" s="32">
        <f>'[1]市町村別・系統別　宗教法人数'!G49</f>
        <v>10</v>
      </c>
      <c r="H49" s="33">
        <f>'[1]市町村別・系統別　宗教法人数'!H49</f>
        <v>10</v>
      </c>
      <c r="I49" s="32">
        <f>'[1]市町村別・系統別　宗教法人数'!I49</f>
        <v>0</v>
      </c>
      <c r="J49" s="33">
        <f>'[1]市町村別・系統別　宗教法人数'!J49</f>
        <v>0</v>
      </c>
      <c r="K49" s="34">
        <f>'[1]市町村別・系統別　宗教法人数'!K49</f>
        <v>3</v>
      </c>
    </row>
    <row r="50" spans="1:11" ht="24" customHeight="1" x14ac:dyDescent="0.2">
      <c r="A50" s="60" t="s">
        <v>58</v>
      </c>
      <c r="B50" s="38"/>
      <c r="C50" s="30">
        <f>'[1]市町村別・系統別　宗教法人数'!C50</f>
        <v>50</v>
      </c>
      <c r="D50" s="31">
        <f>'[1]市町村別・系統別　宗教法人数'!D50</f>
        <v>13</v>
      </c>
      <c r="E50" s="32">
        <f>'[1]市町村別・系統別　宗教法人数'!E50</f>
        <v>13</v>
      </c>
      <c r="F50" s="32">
        <f>'[1]市町村別・系統別　宗教法人数'!F50</f>
        <v>0</v>
      </c>
      <c r="G50" s="32">
        <f>'[1]市町村別・系統別　宗教法人数'!G50</f>
        <v>34</v>
      </c>
      <c r="H50" s="33">
        <f>'[1]市町村別・系統別　宗教法人数'!H50</f>
        <v>34</v>
      </c>
      <c r="I50" s="32">
        <f>'[1]市町村別・系統別　宗教法人数'!I50</f>
        <v>0</v>
      </c>
      <c r="J50" s="33">
        <f>'[1]市町村別・系統別　宗教法人数'!J50</f>
        <v>0</v>
      </c>
      <c r="K50" s="34">
        <f>'[1]市町村別・系統別　宗教法人数'!K50</f>
        <v>3</v>
      </c>
    </row>
    <row r="51" spans="1:11" ht="24" customHeight="1" x14ac:dyDescent="0.2">
      <c r="A51" s="60" t="s">
        <v>59</v>
      </c>
      <c r="B51" s="38"/>
      <c r="C51" s="30">
        <f>'[1]市町村別・系統別　宗教法人数'!C51</f>
        <v>22</v>
      </c>
      <c r="D51" s="31">
        <f>'[1]市町村別・系統別　宗教法人数'!D51</f>
        <v>8</v>
      </c>
      <c r="E51" s="32">
        <f>'[1]市町村別・系統別　宗教法人数'!E51</f>
        <v>8</v>
      </c>
      <c r="F51" s="32">
        <f>'[1]市町村別・系統別　宗教法人数'!F51</f>
        <v>0</v>
      </c>
      <c r="G51" s="32">
        <f>'[1]市町村別・系統別　宗教法人数'!G51</f>
        <v>9</v>
      </c>
      <c r="H51" s="33">
        <f>'[1]市町村別・系統別　宗教法人数'!H51</f>
        <v>9</v>
      </c>
      <c r="I51" s="32">
        <f>'[1]市町村別・系統別　宗教法人数'!I51</f>
        <v>0</v>
      </c>
      <c r="J51" s="33">
        <f>'[1]市町村別・系統別　宗教法人数'!J51</f>
        <v>2</v>
      </c>
      <c r="K51" s="34">
        <f>'[1]市町村別・系統別　宗教法人数'!K51</f>
        <v>3</v>
      </c>
    </row>
    <row r="52" spans="1:11" ht="24" customHeight="1" x14ac:dyDescent="0.2">
      <c r="A52" s="60" t="s">
        <v>60</v>
      </c>
      <c r="B52" s="38"/>
      <c r="C52" s="30">
        <f>'[1]市町村別・系統別　宗教法人数'!C52</f>
        <v>27</v>
      </c>
      <c r="D52" s="31">
        <f>'[1]市町村別・系統別　宗教法人数'!D52</f>
        <v>8</v>
      </c>
      <c r="E52" s="32">
        <f>'[1]市町村別・系統別　宗教法人数'!E52</f>
        <v>8</v>
      </c>
      <c r="F52" s="32">
        <f>'[1]市町村別・系統別　宗教法人数'!F52</f>
        <v>0</v>
      </c>
      <c r="G52" s="32">
        <f>'[1]市町村別・系統別　宗教法人数'!G52</f>
        <v>17</v>
      </c>
      <c r="H52" s="33">
        <f>'[1]市町村別・系統別　宗教法人数'!H52</f>
        <v>17</v>
      </c>
      <c r="I52" s="32">
        <f>'[1]市町村別・系統別　宗教法人数'!I52</f>
        <v>0</v>
      </c>
      <c r="J52" s="33">
        <f>'[1]市町村別・系統別　宗教法人数'!J52</f>
        <v>1</v>
      </c>
      <c r="K52" s="34">
        <f>'[1]市町村別・系統別　宗教法人数'!K52</f>
        <v>1</v>
      </c>
    </row>
    <row r="53" spans="1:11" ht="24" customHeight="1" x14ac:dyDescent="0.2">
      <c r="A53" s="60" t="s">
        <v>61</v>
      </c>
      <c r="B53" s="38"/>
      <c r="C53" s="30">
        <f>'[1]市町村別・系統別　宗教法人数'!C53</f>
        <v>20</v>
      </c>
      <c r="D53" s="31">
        <f>'[1]市町村別・系統別　宗教法人数'!D53</f>
        <v>7</v>
      </c>
      <c r="E53" s="32">
        <f>'[1]市町村別・系統別　宗教法人数'!E53</f>
        <v>7</v>
      </c>
      <c r="F53" s="32">
        <f>'[1]市町村別・系統別　宗教法人数'!F53</f>
        <v>0</v>
      </c>
      <c r="G53" s="32">
        <f>'[1]市町村別・系統別　宗教法人数'!G53</f>
        <v>12</v>
      </c>
      <c r="H53" s="33">
        <f>'[1]市町村別・系統別　宗教法人数'!H53</f>
        <v>12</v>
      </c>
      <c r="I53" s="32">
        <f>'[1]市町村別・系統別　宗教法人数'!I53</f>
        <v>0</v>
      </c>
      <c r="J53" s="33">
        <f>'[1]市町村別・系統別　宗教法人数'!J53</f>
        <v>0</v>
      </c>
      <c r="K53" s="34">
        <f>'[1]市町村別・系統別　宗教法人数'!K53</f>
        <v>1</v>
      </c>
    </row>
    <row r="54" spans="1:11" ht="24" customHeight="1" x14ac:dyDescent="0.2">
      <c r="A54" s="60" t="s">
        <v>62</v>
      </c>
      <c r="B54" s="38"/>
      <c r="C54" s="30">
        <f>'[1]市町村別・系統別　宗教法人数'!C54</f>
        <v>57</v>
      </c>
      <c r="D54" s="31">
        <f>'[1]市町村別・系統別　宗教法人数'!D54</f>
        <v>27</v>
      </c>
      <c r="E54" s="32">
        <f>'[1]市町村別・系統別　宗教法人数'!E54</f>
        <v>25</v>
      </c>
      <c r="F54" s="32">
        <f>'[1]市町村別・系統別　宗教法人数'!F54</f>
        <v>2</v>
      </c>
      <c r="G54" s="32">
        <f>'[1]市町村別・系統別　宗教法人数'!G54</f>
        <v>24</v>
      </c>
      <c r="H54" s="33">
        <f>'[1]市町村別・系統別　宗教法人数'!H54</f>
        <v>23</v>
      </c>
      <c r="I54" s="32">
        <f>'[1]市町村別・系統別　宗教法人数'!I54</f>
        <v>1</v>
      </c>
      <c r="J54" s="33">
        <f>'[1]市町村別・系統別　宗教法人数'!J54</f>
        <v>3</v>
      </c>
      <c r="K54" s="34">
        <f>'[1]市町村別・系統別　宗教法人数'!K54</f>
        <v>3</v>
      </c>
    </row>
    <row r="55" spans="1:11" ht="24" customHeight="1" x14ac:dyDescent="0.2">
      <c r="A55" s="60" t="s">
        <v>63</v>
      </c>
      <c r="B55" s="38"/>
      <c r="C55" s="30">
        <f>'[1]市町村別・系統別　宗教法人数'!C55</f>
        <v>34</v>
      </c>
      <c r="D55" s="31">
        <f>'[1]市町村別・系統別　宗教法人数'!D55</f>
        <v>16</v>
      </c>
      <c r="E55" s="32">
        <f>'[1]市町村別・系統別　宗教法人数'!E55</f>
        <v>16</v>
      </c>
      <c r="F55" s="32">
        <f>'[1]市町村別・系統別　宗教法人数'!F55</f>
        <v>0</v>
      </c>
      <c r="G55" s="32">
        <f>'[1]市町村別・系統別　宗教法人数'!G55</f>
        <v>13</v>
      </c>
      <c r="H55" s="33">
        <f>'[1]市町村別・系統別　宗教法人数'!H55</f>
        <v>13</v>
      </c>
      <c r="I55" s="32">
        <f>'[1]市町村別・系統別　宗教法人数'!I55</f>
        <v>0</v>
      </c>
      <c r="J55" s="33">
        <f>'[1]市町村別・系統別　宗教法人数'!J55</f>
        <v>2</v>
      </c>
      <c r="K55" s="34">
        <f>'[1]市町村別・系統別　宗教法人数'!K55</f>
        <v>3</v>
      </c>
    </row>
    <row r="56" spans="1:11" ht="24" customHeight="1" x14ac:dyDescent="0.2">
      <c r="A56" s="60" t="s">
        <v>64</v>
      </c>
      <c r="B56" s="38"/>
      <c r="C56" s="30">
        <f>'[1]市町村別・系統別　宗教法人数'!C56</f>
        <v>23</v>
      </c>
      <c r="D56" s="31">
        <f>'[1]市町村別・系統別　宗教法人数'!D56</f>
        <v>13</v>
      </c>
      <c r="E56" s="32">
        <f>'[1]市町村別・系統別　宗教法人数'!E56</f>
        <v>13</v>
      </c>
      <c r="F56" s="32">
        <f>'[1]市町村別・系統別　宗教法人数'!F56</f>
        <v>0</v>
      </c>
      <c r="G56" s="32">
        <f>'[1]市町村別・系統別　宗教法人数'!G56</f>
        <v>8</v>
      </c>
      <c r="H56" s="33">
        <f>'[1]市町村別・系統別　宗教法人数'!H56</f>
        <v>8</v>
      </c>
      <c r="I56" s="32">
        <f>'[1]市町村別・系統別　宗教法人数'!I56</f>
        <v>0</v>
      </c>
      <c r="J56" s="33">
        <f>'[1]市町村別・系統別　宗教法人数'!J56</f>
        <v>2</v>
      </c>
      <c r="K56" s="34">
        <f>'[1]市町村別・系統別　宗教法人数'!K56</f>
        <v>0</v>
      </c>
    </row>
    <row r="57" spans="1:11" ht="24" customHeight="1" x14ac:dyDescent="0.2">
      <c r="A57" s="60" t="s">
        <v>65</v>
      </c>
      <c r="B57" s="38"/>
      <c r="C57" s="30">
        <f>'[1]市町村別・系統別　宗教法人数'!C57</f>
        <v>25</v>
      </c>
      <c r="D57" s="31">
        <f>'[1]市町村別・系統別　宗教法人数'!D57</f>
        <v>12</v>
      </c>
      <c r="E57" s="32">
        <f>'[1]市町村別・系統別　宗教法人数'!E57</f>
        <v>12</v>
      </c>
      <c r="F57" s="32">
        <f>'[1]市町村別・系統別　宗教法人数'!F57</f>
        <v>0</v>
      </c>
      <c r="G57" s="32">
        <f>'[1]市町村別・系統別　宗教法人数'!G57</f>
        <v>12</v>
      </c>
      <c r="H57" s="33">
        <f>'[1]市町村別・系統別　宗教法人数'!H57</f>
        <v>11</v>
      </c>
      <c r="I57" s="32">
        <f>'[1]市町村別・系統別　宗教法人数'!I57</f>
        <v>1</v>
      </c>
      <c r="J57" s="33">
        <f>'[1]市町村別・系統別　宗教法人数'!J57</f>
        <v>0</v>
      </c>
      <c r="K57" s="34">
        <f>'[1]市町村別・系統別　宗教法人数'!K57</f>
        <v>1</v>
      </c>
    </row>
    <row r="58" spans="1:11" ht="24" customHeight="1" x14ac:dyDescent="0.2">
      <c r="A58" s="60" t="s">
        <v>66</v>
      </c>
      <c r="B58" s="38"/>
      <c r="C58" s="30">
        <f>'[1]市町村別・系統別　宗教法人数'!C58</f>
        <v>12</v>
      </c>
      <c r="D58" s="31">
        <f>'[1]市町村別・系統別　宗教法人数'!D58</f>
        <v>3</v>
      </c>
      <c r="E58" s="32">
        <f>'[1]市町村別・系統別　宗教法人数'!E58</f>
        <v>3</v>
      </c>
      <c r="F58" s="32">
        <f>'[1]市町村別・系統別　宗教法人数'!F58</f>
        <v>0</v>
      </c>
      <c r="G58" s="32">
        <f>'[1]市町村別・系統別　宗教法人数'!G58</f>
        <v>6</v>
      </c>
      <c r="H58" s="33">
        <f>'[1]市町村別・系統別　宗教法人数'!H58</f>
        <v>6</v>
      </c>
      <c r="I58" s="32">
        <f>'[1]市町村別・系統別　宗教法人数'!I58</f>
        <v>0</v>
      </c>
      <c r="J58" s="33">
        <f>'[1]市町村別・系統別　宗教法人数'!J58</f>
        <v>1</v>
      </c>
      <c r="K58" s="34">
        <f>'[1]市町村別・系統別　宗教法人数'!K58</f>
        <v>2</v>
      </c>
    </row>
    <row r="59" spans="1:11" ht="24" customHeight="1" x14ac:dyDescent="0.2">
      <c r="A59" s="60" t="s">
        <v>67</v>
      </c>
      <c r="B59" s="38"/>
      <c r="C59" s="30">
        <f>'[1]市町村別・系統別　宗教法人数'!C59</f>
        <v>33</v>
      </c>
      <c r="D59" s="31">
        <f>'[1]市町村別・系統別　宗教法人数'!D59</f>
        <v>13</v>
      </c>
      <c r="E59" s="32">
        <f>'[1]市町村別・系統別　宗教法人数'!E59</f>
        <v>13</v>
      </c>
      <c r="F59" s="32">
        <f>'[1]市町村別・系統別　宗教法人数'!F59</f>
        <v>0</v>
      </c>
      <c r="G59" s="32">
        <f>'[1]市町村別・系統別　宗教法人数'!G59</f>
        <v>18</v>
      </c>
      <c r="H59" s="33">
        <f>'[1]市町村別・系統別　宗教法人数'!H59</f>
        <v>18</v>
      </c>
      <c r="I59" s="32">
        <f>'[1]市町村別・系統別　宗教法人数'!I59</f>
        <v>0</v>
      </c>
      <c r="J59" s="33">
        <f>'[1]市町村別・系統別　宗教法人数'!J59</f>
        <v>1</v>
      </c>
      <c r="K59" s="34">
        <f>'[1]市町村別・系統別　宗教法人数'!K59</f>
        <v>1</v>
      </c>
    </row>
    <row r="60" spans="1:11" ht="24" customHeight="1" x14ac:dyDescent="0.2">
      <c r="A60" s="60" t="s">
        <v>68</v>
      </c>
      <c r="B60" s="38"/>
      <c r="C60" s="30">
        <f>'[1]市町村別・系統別　宗教法人数'!C60</f>
        <v>9</v>
      </c>
      <c r="D60" s="31">
        <f>'[1]市町村別・系統別　宗教法人数'!D60</f>
        <v>2</v>
      </c>
      <c r="E60" s="32">
        <f>'[1]市町村別・系統別　宗教法人数'!E60</f>
        <v>2</v>
      </c>
      <c r="F60" s="32">
        <f>'[1]市町村別・系統別　宗教法人数'!F60</f>
        <v>0</v>
      </c>
      <c r="G60" s="32">
        <f>'[1]市町村別・系統別　宗教法人数'!G60</f>
        <v>7</v>
      </c>
      <c r="H60" s="33">
        <f>'[1]市町村別・系統別　宗教法人数'!H60</f>
        <v>7</v>
      </c>
      <c r="I60" s="32">
        <f>'[1]市町村別・系統別　宗教法人数'!I60</f>
        <v>0</v>
      </c>
      <c r="J60" s="33">
        <f>'[1]市町村別・系統別　宗教法人数'!J60</f>
        <v>0</v>
      </c>
      <c r="K60" s="34">
        <f>'[1]市町村別・系統別　宗教法人数'!K60</f>
        <v>0</v>
      </c>
    </row>
    <row r="61" spans="1:11" ht="24" customHeight="1" x14ac:dyDescent="0.2">
      <c r="A61" s="60" t="s">
        <v>69</v>
      </c>
      <c r="B61" s="38"/>
      <c r="C61" s="30">
        <f>'[1]市町村別・系統別　宗教法人数'!C61</f>
        <v>33</v>
      </c>
      <c r="D61" s="31">
        <f>'[1]市町村別・系統別　宗教法人数'!D61</f>
        <v>13</v>
      </c>
      <c r="E61" s="32">
        <f>'[1]市町村別・系統別　宗教法人数'!E61</f>
        <v>13</v>
      </c>
      <c r="F61" s="32">
        <f>'[1]市町村別・系統別　宗教法人数'!F61</f>
        <v>0</v>
      </c>
      <c r="G61" s="32">
        <f>'[1]市町村別・系統別　宗教法人数'!G61</f>
        <v>17</v>
      </c>
      <c r="H61" s="33">
        <f>'[1]市町村別・系統別　宗教法人数'!H61</f>
        <v>17</v>
      </c>
      <c r="I61" s="32">
        <f>'[1]市町村別・系統別　宗教法人数'!I61</f>
        <v>0</v>
      </c>
      <c r="J61" s="33">
        <f>'[1]市町村別・系統別　宗教法人数'!J61</f>
        <v>1</v>
      </c>
      <c r="K61" s="34">
        <f>'[1]市町村別・系統別　宗教法人数'!K61</f>
        <v>2</v>
      </c>
    </row>
    <row r="62" spans="1:11" ht="24" customHeight="1" x14ac:dyDescent="0.2">
      <c r="A62" s="60" t="s">
        <v>70</v>
      </c>
      <c r="B62" s="38"/>
      <c r="C62" s="30">
        <f>'[1]市町村別・系統別　宗教法人数'!C62</f>
        <v>9</v>
      </c>
      <c r="D62" s="31">
        <f>'[1]市町村別・系統別　宗教法人数'!D62</f>
        <v>2</v>
      </c>
      <c r="E62" s="32">
        <f>'[1]市町村別・系統別　宗教法人数'!E62</f>
        <v>2</v>
      </c>
      <c r="F62" s="32">
        <f>'[1]市町村別・系統別　宗教法人数'!F62</f>
        <v>0</v>
      </c>
      <c r="G62" s="32">
        <f>'[1]市町村別・系統別　宗教法人数'!G62</f>
        <v>5</v>
      </c>
      <c r="H62" s="33">
        <f>'[1]市町村別・系統別　宗教法人数'!H62</f>
        <v>5</v>
      </c>
      <c r="I62" s="32">
        <f>'[1]市町村別・系統別　宗教法人数'!I62</f>
        <v>0</v>
      </c>
      <c r="J62" s="33">
        <f>'[1]市町村別・系統別　宗教法人数'!J62</f>
        <v>0</v>
      </c>
      <c r="K62" s="34">
        <f>'[1]市町村別・系統別　宗教法人数'!K62</f>
        <v>2</v>
      </c>
    </row>
    <row r="63" spans="1:11" ht="24" customHeight="1" x14ac:dyDescent="0.2">
      <c r="A63" s="60" t="s">
        <v>71</v>
      </c>
      <c r="B63" s="38"/>
      <c r="C63" s="30">
        <f>'[1]市町村別・系統別　宗教法人数'!C63</f>
        <v>22</v>
      </c>
      <c r="D63" s="31">
        <f>'[1]市町村別・系統別　宗教法人数'!D63</f>
        <v>9</v>
      </c>
      <c r="E63" s="32">
        <f>'[1]市町村別・系統別　宗教法人数'!E63</f>
        <v>8</v>
      </c>
      <c r="F63" s="32">
        <f>'[1]市町村別・系統別　宗教法人数'!F63</f>
        <v>1</v>
      </c>
      <c r="G63" s="32">
        <f>'[1]市町村別・系統別　宗教法人数'!G63</f>
        <v>11</v>
      </c>
      <c r="H63" s="33">
        <f>'[1]市町村別・系統別　宗教法人数'!H63</f>
        <v>10</v>
      </c>
      <c r="I63" s="32">
        <f>'[1]市町村別・系統別　宗教法人数'!I63</f>
        <v>1</v>
      </c>
      <c r="J63" s="33">
        <f>'[1]市町村別・系統別　宗教法人数'!J63</f>
        <v>1</v>
      </c>
      <c r="K63" s="34">
        <f>'[1]市町村別・系統別　宗教法人数'!K63</f>
        <v>1</v>
      </c>
    </row>
    <row r="64" spans="1:11" ht="24" customHeight="1" x14ac:dyDescent="0.2">
      <c r="A64" s="60" t="s">
        <v>72</v>
      </c>
      <c r="B64" s="38"/>
      <c r="C64" s="30">
        <f>'[1]市町村別・系統別　宗教法人数'!C64</f>
        <v>29</v>
      </c>
      <c r="D64" s="31">
        <f>'[1]市町村別・系統別　宗教法人数'!D64</f>
        <v>11</v>
      </c>
      <c r="E64" s="32">
        <f>'[1]市町村別・系統別　宗教法人数'!E64</f>
        <v>11</v>
      </c>
      <c r="F64" s="32">
        <f>'[1]市町村別・系統別　宗教法人数'!F64</f>
        <v>0</v>
      </c>
      <c r="G64" s="32">
        <f>'[1]市町村別・系統別　宗教法人数'!G64</f>
        <v>14</v>
      </c>
      <c r="H64" s="33">
        <f>'[1]市町村別・系統別　宗教法人数'!H64</f>
        <v>13</v>
      </c>
      <c r="I64" s="32">
        <f>'[1]市町村別・系統別　宗教法人数'!I64</f>
        <v>1</v>
      </c>
      <c r="J64" s="33">
        <f>'[1]市町村別・系統別　宗教法人数'!J64</f>
        <v>2</v>
      </c>
      <c r="K64" s="34">
        <f>'[1]市町村別・系統別　宗教法人数'!K64</f>
        <v>2</v>
      </c>
    </row>
    <row r="65" spans="1:11" ht="24" customHeight="1" thickBot="1" x14ac:dyDescent="0.25">
      <c r="A65" s="46" t="s">
        <v>73</v>
      </c>
      <c r="B65" s="68"/>
      <c r="C65" s="48">
        <f>'[1]市町村別・系統別　宗教法人数'!C65</f>
        <v>5</v>
      </c>
      <c r="D65" s="49">
        <f>'[1]市町村別・系統別　宗教法人数'!D65</f>
        <v>2</v>
      </c>
      <c r="E65" s="50">
        <f>'[1]市町村別・系統別　宗教法人数'!E65</f>
        <v>2</v>
      </c>
      <c r="F65" s="50">
        <f>'[1]市町村別・系統別　宗教法人数'!F65</f>
        <v>0</v>
      </c>
      <c r="G65" s="50">
        <f>'[1]市町村別・系統別　宗教法人数'!G65</f>
        <v>3</v>
      </c>
      <c r="H65" s="51">
        <f>'[1]市町村別・系統別　宗教法人数'!H65</f>
        <v>3</v>
      </c>
      <c r="I65" s="50">
        <f>'[1]市町村別・系統別　宗教法人数'!I65</f>
        <v>0</v>
      </c>
      <c r="J65" s="51">
        <f>'[1]市町村別・系統別　宗教法人数'!J65</f>
        <v>0</v>
      </c>
      <c r="K65" s="52">
        <f>'[1]市町村別・系統別　宗教法人数'!K65</f>
        <v>0</v>
      </c>
    </row>
    <row r="111" spans="2:7" x14ac:dyDescent="0.2">
      <c r="B111" s="69"/>
      <c r="C111" s="69"/>
      <c r="D111" s="69"/>
      <c r="E111" s="69"/>
      <c r="F111" s="69"/>
      <c r="G111" s="69"/>
    </row>
    <row r="112" spans="2:7" x14ac:dyDescent="0.2">
      <c r="B112" s="69"/>
      <c r="C112" s="69"/>
      <c r="D112" s="69"/>
      <c r="E112" s="69"/>
      <c r="F112" s="69"/>
      <c r="G112" s="69"/>
    </row>
    <row r="113" spans="2:7" x14ac:dyDescent="0.2">
      <c r="B113" s="69"/>
      <c r="C113" s="69"/>
      <c r="D113" s="69"/>
      <c r="E113" s="69"/>
      <c r="F113" s="69"/>
      <c r="G113" s="69"/>
    </row>
    <row r="114" spans="2:7" x14ac:dyDescent="0.2">
      <c r="B114" s="69"/>
      <c r="C114" s="69"/>
      <c r="D114" s="69"/>
      <c r="E114" s="69"/>
      <c r="F114" s="69"/>
      <c r="G114" s="69"/>
    </row>
    <row r="115" spans="2:7" x14ac:dyDescent="0.2">
      <c r="B115" s="69"/>
      <c r="C115" s="69"/>
      <c r="D115" s="69"/>
      <c r="E115" s="69"/>
      <c r="F115" s="69"/>
      <c r="G115" s="69"/>
    </row>
  </sheetData>
  <mergeCells count="5">
    <mergeCell ref="A2:B3"/>
    <mergeCell ref="D2:D3"/>
    <mergeCell ref="G2:G3"/>
    <mergeCell ref="J2:J3"/>
    <mergeCell ref="K2:K3"/>
  </mergeCells>
  <phoneticPr fontId="3"/>
  <pageMargins left="0.82677165354330717" right="0" top="0.55118110236220474" bottom="0.86614173228346458" header="0.62992125984251968" footer="0.62992125984251968"/>
  <pageSetup paperSize="9" scale="92" orientation="portrait" useFirstPageNumber="1" r:id="rId1"/>
  <headerFooter alignWithMargins="0">
    <oddFooter>&amp;R&amp;"メイリオ,レギュラー"&amp;9令和6年3月31日現在</oddFooter>
  </headerFooter>
  <rowBreaks count="1" manualBreakCount="1">
    <brk id="3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市町村別PDF</vt:lpstr>
      <vt:lpstr>市町村別PDF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4-12T01:51:20Z</dcterms:created>
  <dcterms:modified xsi:type="dcterms:W3CDTF">2024-04-12T05:59:15Z</dcterms:modified>
</cp:coreProperties>
</file>